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ags/tag2.xml" ContentType="application/vnd.openxmlformats-officedocument.presentationml.tags+xml"/>
  <Override PartName="/ppt/notesSlides/notesSlide1.xml" ContentType="application/vnd.openxmlformats-officedocument.presentationml.notesSlide+xml"/>
  <Override PartName="/ppt/comments/modernComment_7FFFF23C_A4578A98.xml" ContentType="application/vnd.ms-powerpoint.comments+xml"/>
  <Override PartName="/ppt/comments/modernComment_7FFFFD93_DB671473.xml" ContentType="application/vnd.ms-powerpoint.comments+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xml" ContentType="application/vnd.openxmlformats-officedocument.presentationml.notesSlide+xml"/>
  <Override PartName="/ppt/comments/modernComment_115_3E71CF79.xml" ContentType="application/vnd.ms-powerpoint.comment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888" r:id="rId13"/>
    <p:sldMasterId id="2147483987" r:id="rId14"/>
  </p:sldMasterIdLst>
  <p:notesMasterIdLst>
    <p:notesMasterId r:id="rId41"/>
  </p:notesMasterIdLst>
  <p:handoutMasterIdLst>
    <p:handoutMasterId r:id="rId42"/>
  </p:handoutMasterIdLst>
  <p:sldIdLst>
    <p:sldId id="256" r:id="rId15"/>
    <p:sldId id="2147480124" r:id="rId16"/>
    <p:sldId id="2147483027" r:id="rId17"/>
    <p:sldId id="2147483054" r:id="rId18"/>
    <p:sldId id="2147376738" r:id="rId19"/>
    <p:sldId id="2147483583" r:id="rId20"/>
    <p:sldId id="2147483597" r:id="rId21"/>
    <p:sldId id="2147483598" r:id="rId22"/>
    <p:sldId id="277" r:id="rId23"/>
    <p:sldId id="2147483584" r:id="rId24"/>
    <p:sldId id="2146851117" r:id="rId25"/>
    <p:sldId id="259" r:id="rId26"/>
    <p:sldId id="2147376802" r:id="rId27"/>
    <p:sldId id="2147483585" r:id="rId28"/>
    <p:sldId id="2145704797" r:id="rId29"/>
    <p:sldId id="291" r:id="rId30"/>
    <p:sldId id="515" r:id="rId31"/>
    <p:sldId id="2147483579" r:id="rId32"/>
    <p:sldId id="2147480126" r:id="rId33"/>
    <p:sldId id="2147376817" r:id="rId34"/>
    <p:sldId id="2147376821" r:id="rId35"/>
    <p:sldId id="2147483077" r:id="rId36"/>
    <p:sldId id="9116" r:id="rId37"/>
    <p:sldId id="2147483587" r:id="rId38"/>
    <p:sldId id="2147376814" r:id="rId39"/>
    <p:sldId id="261" r:id="rId40"/>
  </p:sldIdLst>
  <p:sldSz cx="12192000" cy="6858000"/>
  <p:notesSz cx="6858000" cy="9144000"/>
  <p:custDataLst>
    <p:tags r:id="rId43"/>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3EF7E40D-07A2-CA1F-CC74-E0A74CD9A56D}" name="Barbara Polidoro" initials="BP" userId="S::Barbara.Polidoro@arup.com::c96b037c-9ca7-4a1f-8b84-830ca69bb1b6" providerId="AD"/>
  <p188:author id="{837B6C45-2363-64AC-03B2-7599BBDFD197}" name="Juliet Mian" initials="JM" userId="S::Juliet.Mian@arup.com::de53d1bb-01d4-4c0c-a3b7-e50034db2ba5" providerId="AD"/>
  <p188:author id="{08BF6082-B90D-B487-D498-88F16B5CC6F8}" name="Aoife Walsh" initials="AW" userId="S::Aoife.Walsh@arup.com::6ff1489e-2fad-44ac-af6c-eb3fd904d9f0" providerId="AD"/>
  <p188:author id="{FE331091-2F0D-DD30-8174-7E30A387A966}" name="Oliver Pritchard" initials="OP" userId="S::oliver.pritchard@arup.com::c3b4fcb4-60eb-415d-b3d5-0eb1b06d717e" providerId="AD"/>
  <p188:author id="{7D3FDCB1-CEF4-B1D7-FB1E-73504729EAA7}" name="Phillip Madafferi" initials="PM" userId="S::Phillip.Madafferi@arup.com::43454b0a-aff3-47c3-89e4-8ea8ca6687ab" providerId="AD"/>
  <p188:author id="{5A1DF4EE-C3AA-A148-2AE7-4E0558F28BA8}" name="Shaoni Purkait" initials="SP" userId="S::Shaoni.Purkait@arup.com::3393319c-0436-424f-97a9-bb8611e930d9"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ED29931-D0F5-4397-A6A1-7FBBA4A4E28A}" v="14" dt="2025-09-07T21:09:16.203"/>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95" autoAdjust="0"/>
    <p:restoredTop sz="93447" autoAdjust="0"/>
  </p:normalViewPr>
  <p:slideViewPr>
    <p:cSldViewPr snapToGrid="0" showGuides="1">
      <p:cViewPr varScale="1">
        <p:scale>
          <a:sx n="51" d="100"/>
          <a:sy n="51" d="100"/>
        </p:scale>
        <p:origin x="1052" y="264"/>
      </p:cViewPr>
      <p:guideLst/>
    </p:cSldViewPr>
  </p:slideViewPr>
  <p:notesTextViewPr>
    <p:cViewPr>
      <p:scale>
        <a:sx n="1" d="1"/>
        <a:sy n="1" d="1"/>
      </p:scale>
      <p:origin x="0" y="0"/>
    </p:cViewPr>
  </p:notesTextViewPr>
  <p:notesViewPr>
    <p:cSldViewPr snapToGrid="0"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4.xml"/><Relationship Id="rId26" Type="http://schemas.openxmlformats.org/officeDocument/2006/relationships/slide" Target="slides/slide12.xml"/><Relationship Id="rId39" Type="http://schemas.openxmlformats.org/officeDocument/2006/relationships/slide" Target="slides/slide25.xml"/><Relationship Id="rId21" Type="http://schemas.openxmlformats.org/officeDocument/2006/relationships/slide" Target="slides/slide7.xml"/><Relationship Id="rId34" Type="http://schemas.openxmlformats.org/officeDocument/2006/relationships/slide" Target="slides/slide20.xml"/><Relationship Id="rId42" Type="http://schemas.openxmlformats.org/officeDocument/2006/relationships/handoutMaster" Target="handoutMasters/handoutMaster1.xml"/><Relationship Id="rId47" Type="http://schemas.openxmlformats.org/officeDocument/2006/relationships/tableStyles" Target="tableStyles.xml"/><Relationship Id="rId50"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2.xml"/><Relationship Id="rId29" Type="http://schemas.openxmlformats.org/officeDocument/2006/relationships/slide" Target="slides/slide15.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slide" Target="slides/slide23.xml"/><Relationship Id="rId40" Type="http://schemas.openxmlformats.org/officeDocument/2006/relationships/slide" Target="slides/slide26.xml"/><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slide" Target="slides/slide22.xml"/><Relationship Id="rId49" Type="http://schemas.microsoft.com/office/2015/10/relationships/revisionInfo" Target="revisionInfo.xml"/><Relationship Id="rId10" Type="http://schemas.openxmlformats.org/officeDocument/2006/relationships/customXml" Target="../customXml/item10.xml"/><Relationship Id="rId19" Type="http://schemas.openxmlformats.org/officeDocument/2006/relationships/slide" Target="slides/slide5.xml"/><Relationship Id="rId31" Type="http://schemas.openxmlformats.org/officeDocument/2006/relationships/slide" Target="slides/slide17.xml"/><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slide" Target="slides/slide21.xml"/><Relationship Id="rId43" Type="http://schemas.openxmlformats.org/officeDocument/2006/relationships/tags" Target="tags/tag1.xml"/><Relationship Id="rId48" Type="http://schemas.microsoft.com/office/2016/11/relationships/changesInfo" Target="changesInfos/changesInfo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slide" Target="slides/slide24.xml"/><Relationship Id="rId46" Type="http://schemas.openxmlformats.org/officeDocument/2006/relationships/theme" Target="theme/theme1.xml"/><Relationship Id="rId20" Type="http://schemas.openxmlformats.org/officeDocument/2006/relationships/slide" Target="slides/slide6.xml"/><Relationship Id="rId41"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uliet Mian" userId="de53d1bb-01d4-4c0c-a3b7-e50034db2ba5" providerId="ADAL" clId="{7ED29931-D0F5-4397-A6A1-7FBBA4A4E28A}"/>
    <pc:docChg chg="custSel addSld delSld modSld sldOrd">
      <pc:chgData name="Juliet Mian" userId="de53d1bb-01d4-4c0c-a3b7-e50034db2ba5" providerId="ADAL" clId="{7ED29931-D0F5-4397-A6A1-7FBBA4A4E28A}" dt="2025-09-07T21:09:16.199" v="390"/>
      <pc:docMkLst>
        <pc:docMk/>
      </pc:docMkLst>
      <pc:sldChg chg="del">
        <pc:chgData name="Juliet Mian" userId="de53d1bb-01d4-4c0c-a3b7-e50034db2ba5" providerId="ADAL" clId="{7ED29931-D0F5-4397-A6A1-7FBBA4A4E28A}" dt="2025-09-07T20:55:59.790" v="160" actId="47"/>
        <pc:sldMkLst>
          <pc:docMk/>
          <pc:sldMk cId="3423556484" sldId="267"/>
        </pc:sldMkLst>
      </pc:sldChg>
      <pc:sldChg chg="del">
        <pc:chgData name="Juliet Mian" userId="de53d1bb-01d4-4c0c-a3b7-e50034db2ba5" providerId="ADAL" clId="{7ED29931-D0F5-4397-A6A1-7FBBA4A4E28A}" dt="2025-09-07T20:41:25.303" v="7" actId="47"/>
        <pc:sldMkLst>
          <pc:docMk/>
          <pc:sldMk cId="2270719461" sldId="270"/>
        </pc:sldMkLst>
      </pc:sldChg>
      <pc:sldChg chg="delSp modSp mod ord">
        <pc:chgData name="Juliet Mian" userId="de53d1bb-01d4-4c0c-a3b7-e50034db2ba5" providerId="ADAL" clId="{7ED29931-D0F5-4397-A6A1-7FBBA4A4E28A}" dt="2025-09-07T21:07:05.468" v="389"/>
        <pc:sldMkLst>
          <pc:docMk/>
          <pc:sldMk cId="1047646073" sldId="277"/>
        </pc:sldMkLst>
        <pc:spChg chg="mod">
          <ac:chgData name="Juliet Mian" userId="de53d1bb-01d4-4c0c-a3b7-e50034db2ba5" providerId="ADAL" clId="{7ED29931-D0F5-4397-A6A1-7FBBA4A4E28A}" dt="2025-09-07T21:00:05.166" v="254" actId="20577"/>
          <ac:spMkLst>
            <pc:docMk/>
            <pc:sldMk cId="1047646073" sldId="277"/>
            <ac:spMk id="2" creationId="{80FFF011-F10C-41C4-9F80-B84EC112EEB1}"/>
          </ac:spMkLst>
        </pc:spChg>
        <pc:spChg chg="mod">
          <ac:chgData name="Juliet Mian" userId="de53d1bb-01d4-4c0c-a3b7-e50034db2ba5" providerId="ADAL" clId="{7ED29931-D0F5-4397-A6A1-7FBBA4A4E28A}" dt="2025-09-07T21:00:12.851" v="270" actId="20577"/>
          <ac:spMkLst>
            <pc:docMk/>
            <pc:sldMk cId="1047646073" sldId="277"/>
            <ac:spMk id="3" creationId="{4F8500AF-9F85-46B2-9CB1-130EC99009B1}"/>
          </ac:spMkLst>
        </pc:spChg>
        <pc:spChg chg="mod">
          <ac:chgData name="Juliet Mian" userId="de53d1bb-01d4-4c0c-a3b7-e50034db2ba5" providerId="ADAL" clId="{7ED29931-D0F5-4397-A6A1-7FBBA4A4E28A}" dt="2025-09-07T20:59:12.274" v="241" actId="6549"/>
          <ac:spMkLst>
            <pc:docMk/>
            <pc:sldMk cId="1047646073" sldId="277"/>
            <ac:spMk id="26" creationId="{97ECB21D-A0AB-267C-5F35-D3ABAF35BD11}"/>
          </ac:spMkLst>
        </pc:spChg>
        <pc:spChg chg="mod">
          <ac:chgData name="Juliet Mian" userId="de53d1bb-01d4-4c0c-a3b7-e50034db2ba5" providerId="ADAL" clId="{7ED29931-D0F5-4397-A6A1-7FBBA4A4E28A}" dt="2025-09-07T20:59:43.360" v="253" actId="20577"/>
          <ac:spMkLst>
            <pc:docMk/>
            <pc:sldMk cId="1047646073" sldId="277"/>
            <ac:spMk id="27" creationId="{E97F540B-D057-CB60-133A-C67B28C37315}"/>
          </ac:spMkLst>
        </pc:spChg>
        <pc:spChg chg="mod">
          <ac:chgData name="Juliet Mian" userId="de53d1bb-01d4-4c0c-a3b7-e50034db2ba5" providerId="ADAL" clId="{7ED29931-D0F5-4397-A6A1-7FBBA4A4E28A}" dt="2025-09-07T21:00:39.967" v="271" actId="20577"/>
          <ac:spMkLst>
            <pc:docMk/>
            <pc:sldMk cId="1047646073" sldId="277"/>
            <ac:spMk id="58" creationId="{0AE8EF65-0DBE-EF29-3D53-E2D69CA237F5}"/>
          </ac:spMkLst>
        </pc:spChg>
        <pc:spChg chg="del">
          <ac:chgData name="Juliet Mian" userId="de53d1bb-01d4-4c0c-a3b7-e50034db2ba5" providerId="ADAL" clId="{7ED29931-D0F5-4397-A6A1-7FBBA4A4E28A}" dt="2025-09-07T20:58:58.654" v="240" actId="478"/>
          <ac:spMkLst>
            <pc:docMk/>
            <pc:sldMk cId="1047646073" sldId="277"/>
            <ac:spMk id="69" creationId="{ECDE0315-DC92-DF27-9522-53A6618FEC0F}"/>
          </ac:spMkLst>
        </pc:spChg>
      </pc:sldChg>
      <pc:sldChg chg="del">
        <pc:chgData name="Juliet Mian" userId="de53d1bb-01d4-4c0c-a3b7-e50034db2ba5" providerId="ADAL" clId="{7ED29931-D0F5-4397-A6A1-7FBBA4A4E28A}" dt="2025-09-07T20:50:08.345" v="121" actId="2696"/>
        <pc:sldMkLst>
          <pc:docMk/>
          <pc:sldMk cId="1274678645" sldId="291"/>
        </pc:sldMkLst>
      </pc:sldChg>
      <pc:sldChg chg="modSp add mod">
        <pc:chgData name="Juliet Mian" userId="de53d1bb-01d4-4c0c-a3b7-e50034db2ba5" providerId="ADAL" clId="{7ED29931-D0F5-4397-A6A1-7FBBA4A4E28A}" dt="2025-09-07T21:02:48.158" v="333" actId="6549"/>
        <pc:sldMkLst>
          <pc:docMk/>
          <pc:sldMk cId="3152991336" sldId="291"/>
        </pc:sldMkLst>
        <pc:spChg chg="mod">
          <ac:chgData name="Juliet Mian" userId="de53d1bb-01d4-4c0c-a3b7-e50034db2ba5" providerId="ADAL" clId="{7ED29931-D0F5-4397-A6A1-7FBBA4A4E28A}" dt="2025-09-07T21:02:30.592" v="283" actId="20577"/>
          <ac:spMkLst>
            <pc:docMk/>
            <pc:sldMk cId="3152991336" sldId="291"/>
            <ac:spMk id="2" creationId="{BFB82902-F581-6206-95BF-49C0CC20DA90}"/>
          </ac:spMkLst>
        </pc:spChg>
        <pc:spChg chg="mod">
          <ac:chgData name="Juliet Mian" userId="de53d1bb-01d4-4c0c-a3b7-e50034db2ba5" providerId="ADAL" clId="{7ED29931-D0F5-4397-A6A1-7FBBA4A4E28A}" dt="2025-09-07T21:02:48.158" v="333" actId="6549"/>
          <ac:spMkLst>
            <pc:docMk/>
            <pc:sldMk cId="3152991336" sldId="291"/>
            <ac:spMk id="3" creationId="{F61F2993-030E-3EBB-A461-EC532CECD92C}"/>
          </ac:spMkLst>
        </pc:spChg>
      </pc:sldChg>
      <pc:sldChg chg="delSp modSp mod">
        <pc:chgData name="Juliet Mian" userId="de53d1bb-01d4-4c0c-a3b7-e50034db2ba5" providerId="ADAL" clId="{7ED29931-D0F5-4397-A6A1-7FBBA4A4E28A}" dt="2025-09-07T20:43:51.580" v="72" actId="1038"/>
        <pc:sldMkLst>
          <pc:docMk/>
          <pc:sldMk cId="2152862036" sldId="515"/>
        </pc:sldMkLst>
        <pc:spChg chg="del">
          <ac:chgData name="Juliet Mian" userId="de53d1bb-01d4-4c0c-a3b7-e50034db2ba5" providerId="ADAL" clId="{7ED29931-D0F5-4397-A6A1-7FBBA4A4E28A}" dt="2025-09-07T20:43:37.086" v="45" actId="478"/>
          <ac:spMkLst>
            <pc:docMk/>
            <pc:sldMk cId="2152862036" sldId="515"/>
            <ac:spMk id="4" creationId="{B0A57530-5552-D8A5-C7AA-CEE2EF19E98E}"/>
          </ac:spMkLst>
        </pc:spChg>
        <pc:picChg chg="mod">
          <ac:chgData name="Juliet Mian" userId="de53d1bb-01d4-4c0c-a3b7-e50034db2ba5" providerId="ADAL" clId="{7ED29931-D0F5-4397-A6A1-7FBBA4A4E28A}" dt="2025-09-07T20:43:51.580" v="72" actId="1038"/>
          <ac:picMkLst>
            <pc:docMk/>
            <pc:sldMk cId="2152862036" sldId="515"/>
            <ac:picMk id="5" creationId="{3742D695-EF74-8383-4D1E-B5437611047E}"/>
          </ac:picMkLst>
        </pc:picChg>
        <pc:picChg chg="del">
          <ac:chgData name="Juliet Mian" userId="de53d1bb-01d4-4c0c-a3b7-e50034db2ba5" providerId="ADAL" clId="{7ED29931-D0F5-4397-A6A1-7FBBA4A4E28A}" dt="2025-09-07T20:43:40.871" v="46" actId="478"/>
          <ac:picMkLst>
            <pc:docMk/>
            <pc:sldMk cId="2152862036" sldId="515"/>
            <ac:picMk id="19" creationId="{FF19E561-ADA0-0798-BFB9-4EA791B3B238}"/>
          </ac:picMkLst>
        </pc:picChg>
      </pc:sldChg>
      <pc:sldChg chg="ord">
        <pc:chgData name="Juliet Mian" userId="de53d1bb-01d4-4c0c-a3b7-e50034db2ba5" providerId="ADAL" clId="{7ED29931-D0F5-4397-A6A1-7FBBA4A4E28A}" dt="2025-09-07T21:05:25.720" v="387"/>
        <pc:sldMkLst>
          <pc:docMk/>
          <pc:sldMk cId="2860921093" sldId="9116"/>
        </pc:sldMkLst>
      </pc:sldChg>
      <pc:sldChg chg="add">
        <pc:chgData name="Juliet Mian" userId="de53d1bb-01d4-4c0c-a3b7-e50034db2ba5" providerId="ADAL" clId="{7ED29931-D0F5-4397-A6A1-7FBBA4A4E28A}" dt="2025-09-07T21:09:16.199" v="390"/>
        <pc:sldMkLst>
          <pc:docMk/>
          <pc:sldMk cId="951444646" sldId="2146851117"/>
        </pc:sldMkLst>
      </pc:sldChg>
      <pc:sldChg chg="del">
        <pc:chgData name="Juliet Mian" userId="de53d1bb-01d4-4c0c-a3b7-e50034db2ba5" providerId="ADAL" clId="{7ED29931-D0F5-4397-A6A1-7FBBA4A4E28A}" dt="2025-09-07T20:56:01.360" v="161" actId="47"/>
        <pc:sldMkLst>
          <pc:docMk/>
          <pc:sldMk cId="3922432828" sldId="2146851118"/>
        </pc:sldMkLst>
      </pc:sldChg>
      <pc:sldChg chg="modSp del mod">
        <pc:chgData name="Juliet Mian" userId="de53d1bb-01d4-4c0c-a3b7-e50034db2ba5" providerId="ADAL" clId="{7ED29931-D0F5-4397-A6A1-7FBBA4A4E28A}" dt="2025-09-07T20:52:26.735" v="131" actId="2696"/>
        <pc:sldMkLst>
          <pc:docMk/>
          <pc:sldMk cId="1948021945" sldId="2147376738"/>
        </pc:sldMkLst>
        <pc:picChg chg="mod">
          <ac:chgData name="Juliet Mian" userId="de53d1bb-01d4-4c0c-a3b7-e50034db2ba5" providerId="ADAL" clId="{7ED29931-D0F5-4397-A6A1-7FBBA4A4E28A}" dt="2025-09-07T20:48:12.958" v="119" actId="1076"/>
          <ac:picMkLst>
            <pc:docMk/>
            <pc:sldMk cId="1948021945" sldId="2147376738"/>
            <ac:picMk id="7" creationId="{779A2EBC-DA04-345F-97E2-0DB9D2BB5238}"/>
          </ac:picMkLst>
        </pc:picChg>
      </pc:sldChg>
      <pc:sldChg chg="add">
        <pc:chgData name="Juliet Mian" userId="de53d1bb-01d4-4c0c-a3b7-e50034db2ba5" providerId="ADAL" clId="{7ED29931-D0F5-4397-A6A1-7FBBA4A4E28A}" dt="2025-09-07T20:52:33.487" v="132"/>
        <pc:sldMkLst>
          <pc:docMk/>
          <pc:sldMk cId="3012198731" sldId="2147376738"/>
        </pc:sldMkLst>
      </pc:sldChg>
      <pc:sldChg chg="modSp mod">
        <pc:chgData name="Juliet Mian" userId="de53d1bb-01d4-4c0c-a3b7-e50034db2ba5" providerId="ADAL" clId="{7ED29931-D0F5-4397-A6A1-7FBBA4A4E28A}" dt="2025-09-07T21:01:52.787" v="273" actId="6549"/>
        <pc:sldMkLst>
          <pc:docMk/>
          <pc:sldMk cId="193889150" sldId="2147376802"/>
        </pc:sldMkLst>
        <pc:spChg chg="mod">
          <ac:chgData name="Juliet Mian" userId="de53d1bb-01d4-4c0c-a3b7-e50034db2ba5" providerId="ADAL" clId="{7ED29931-D0F5-4397-A6A1-7FBBA4A4E28A}" dt="2025-09-07T21:01:52.787" v="273" actId="6549"/>
          <ac:spMkLst>
            <pc:docMk/>
            <pc:sldMk cId="193889150" sldId="2147376802"/>
            <ac:spMk id="10" creationId="{04A42DF8-1107-4C8C-EF6E-82F3F7B9DD65}"/>
          </ac:spMkLst>
        </pc:spChg>
      </pc:sldChg>
      <pc:sldChg chg="del">
        <pc:chgData name="Juliet Mian" userId="de53d1bb-01d4-4c0c-a3b7-e50034db2ba5" providerId="ADAL" clId="{7ED29931-D0F5-4397-A6A1-7FBBA4A4E28A}" dt="2025-09-07T21:05:19.655" v="385" actId="47"/>
        <pc:sldMkLst>
          <pc:docMk/>
          <pc:sldMk cId="3949304890" sldId="2147376803"/>
        </pc:sldMkLst>
      </pc:sldChg>
      <pc:sldChg chg="modSp mod modNotesTx">
        <pc:chgData name="Juliet Mian" userId="de53d1bb-01d4-4c0c-a3b7-e50034db2ba5" providerId="ADAL" clId="{7ED29931-D0F5-4397-A6A1-7FBBA4A4E28A}" dt="2025-09-07T21:05:07.001" v="384" actId="5793"/>
        <pc:sldMkLst>
          <pc:docMk/>
          <pc:sldMk cId="2476214701" sldId="2147376814"/>
        </pc:sldMkLst>
        <pc:spChg chg="mod">
          <ac:chgData name="Juliet Mian" userId="de53d1bb-01d4-4c0c-a3b7-e50034db2ba5" providerId="ADAL" clId="{7ED29931-D0F5-4397-A6A1-7FBBA4A4E28A}" dt="2025-09-07T21:05:01.800" v="375" actId="20577"/>
          <ac:spMkLst>
            <pc:docMk/>
            <pc:sldMk cId="2476214701" sldId="2147376814"/>
            <ac:spMk id="5" creationId="{12F0EF7A-C7EE-45B6-53FA-DEF0C28F9AE5}"/>
          </ac:spMkLst>
        </pc:spChg>
      </pc:sldChg>
      <pc:sldChg chg="del">
        <pc:chgData name="Juliet Mian" userId="de53d1bb-01d4-4c0c-a3b7-e50034db2ba5" providerId="ADAL" clId="{7ED29931-D0F5-4397-A6A1-7FBBA4A4E28A}" dt="2025-09-07T20:53:35.468" v="134" actId="2696"/>
        <pc:sldMkLst>
          <pc:docMk/>
          <pc:sldMk cId="1618110516" sldId="2147376817"/>
        </pc:sldMkLst>
      </pc:sldChg>
      <pc:sldChg chg="modSp add mod">
        <pc:chgData name="Juliet Mian" userId="de53d1bb-01d4-4c0c-a3b7-e50034db2ba5" providerId="ADAL" clId="{7ED29931-D0F5-4397-A6A1-7FBBA4A4E28A}" dt="2025-09-07T20:55:01.751" v="157" actId="1076"/>
        <pc:sldMkLst>
          <pc:docMk/>
          <pc:sldMk cId="3184574033" sldId="2147376817"/>
        </pc:sldMkLst>
        <pc:spChg chg="mod">
          <ac:chgData name="Juliet Mian" userId="de53d1bb-01d4-4c0c-a3b7-e50034db2ba5" providerId="ADAL" clId="{7ED29931-D0F5-4397-A6A1-7FBBA4A4E28A}" dt="2025-09-07T20:54:10.788" v="137"/>
          <ac:spMkLst>
            <pc:docMk/>
            <pc:sldMk cId="3184574033" sldId="2147376817"/>
            <ac:spMk id="3" creationId="{32B2F994-5590-578A-2092-40EEEDB49A3B}"/>
          </ac:spMkLst>
        </pc:spChg>
        <pc:spChg chg="mod">
          <ac:chgData name="Juliet Mian" userId="de53d1bb-01d4-4c0c-a3b7-e50034db2ba5" providerId="ADAL" clId="{7ED29931-D0F5-4397-A6A1-7FBBA4A4E28A}" dt="2025-09-07T20:54:52.899" v="155" actId="14100"/>
          <ac:spMkLst>
            <pc:docMk/>
            <pc:sldMk cId="3184574033" sldId="2147376817"/>
            <ac:spMk id="8" creationId="{A6F36614-6EAA-9511-990C-C3C897000071}"/>
          </ac:spMkLst>
        </pc:spChg>
        <pc:spChg chg="mod">
          <ac:chgData name="Juliet Mian" userId="de53d1bb-01d4-4c0c-a3b7-e50034db2ba5" providerId="ADAL" clId="{7ED29931-D0F5-4397-A6A1-7FBBA4A4E28A}" dt="2025-09-07T20:54:55.937" v="156" actId="1076"/>
          <ac:spMkLst>
            <pc:docMk/>
            <pc:sldMk cId="3184574033" sldId="2147376817"/>
            <ac:spMk id="9" creationId="{4F324BE6-D99E-7C28-3FAB-E3270C751E9E}"/>
          </ac:spMkLst>
        </pc:spChg>
        <pc:spChg chg="mod">
          <ac:chgData name="Juliet Mian" userId="de53d1bb-01d4-4c0c-a3b7-e50034db2ba5" providerId="ADAL" clId="{7ED29931-D0F5-4397-A6A1-7FBBA4A4E28A}" dt="2025-09-07T20:54:50.141" v="154" actId="14100"/>
          <ac:spMkLst>
            <pc:docMk/>
            <pc:sldMk cId="3184574033" sldId="2147376817"/>
            <ac:spMk id="11" creationId="{B0F4CBF4-F131-6CC9-C07A-32602AAAE92C}"/>
          </ac:spMkLst>
        </pc:spChg>
        <pc:cxnChg chg="mod">
          <ac:chgData name="Juliet Mian" userId="de53d1bb-01d4-4c0c-a3b7-e50034db2ba5" providerId="ADAL" clId="{7ED29931-D0F5-4397-A6A1-7FBBA4A4E28A}" dt="2025-09-07T20:55:01.751" v="157" actId="1076"/>
          <ac:cxnSpMkLst>
            <pc:docMk/>
            <pc:sldMk cId="3184574033" sldId="2147376817"/>
            <ac:cxnSpMk id="10" creationId="{28B22439-C03E-C0CF-F152-A1FC1098CA50}"/>
          </ac:cxnSpMkLst>
        </pc:cxnChg>
      </pc:sldChg>
      <pc:sldChg chg="del">
        <pc:chgData name="Juliet Mian" userId="de53d1bb-01d4-4c0c-a3b7-e50034db2ba5" providerId="ADAL" clId="{7ED29931-D0F5-4397-A6A1-7FBBA4A4E28A}" dt="2025-09-07T20:49:42.182" v="120" actId="47"/>
        <pc:sldMkLst>
          <pc:docMk/>
          <pc:sldMk cId="1899585746" sldId="2147376818"/>
        </pc:sldMkLst>
      </pc:sldChg>
      <pc:sldChg chg="del">
        <pc:chgData name="Juliet Mian" userId="de53d1bb-01d4-4c0c-a3b7-e50034db2ba5" providerId="ADAL" clId="{7ED29931-D0F5-4397-A6A1-7FBBA4A4E28A}" dt="2025-09-07T20:55:26.042" v="158" actId="2696"/>
        <pc:sldMkLst>
          <pc:docMk/>
          <pc:sldMk cId="1902286921" sldId="2147376819"/>
        </pc:sldMkLst>
      </pc:sldChg>
      <pc:sldChg chg="add del">
        <pc:chgData name="Juliet Mian" userId="de53d1bb-01d4-4c0c-a3b7-e50034db2ba5" providerId="ADAL" clId="{7ED29931-D0F5-4397-A6A1-7FBBA4A4E28A}" dt="2025-09-07T21:02:06.425" v="274" actId="47"/>
        <pc:sldMkLst>
          <pc:docMk/>
          <pc:sldMk cId="2308869382" sldId="2147376819"/>
        </pc:sldMkLst>
      </pc:sldChg>
      <pc:sldChg chg="del">
        <pc:chgData name="Juliet Mian" userId="de53d1bb-01d4-4c0c-a3b7-e50034db2ba5" providerId="ADAL" clId="{7ED29931-D0F5-4397-A6A1-7FBBA4A4E28A}" dt="2025-09-07T20:56:03.167" v="162" actId="47"/>
        <pc:sldMkLst>
          <pc:docMk/>
          <pc:sldMk cId="1234725964" sldId="2147376825"/>
        </pc:sldMkLst>
      </pc:sldChg>
      <pc:sldChg chg="ord modNotesTx">
        <pc:chgData name="Juliet Mian" userId="de53d1bb-01d4-4c0c-a3b7-e50034db2ba5" providerId="ADAL" clId="{7ED29931-D0F5-4397-A6A1-7FBBA4A4E28A}" dt="2025-09-07T20:57:21.124" v="238"/>
        <pc:sldMkLst>
          <pc:docMk/>
          <pc:sldMk cId="2757200536" sldId="2147480124"/>
        </pc:sldMkLst>
      </pc:sldChg>
      <pc:sldChg chg="del">
        <pc:chgData name="Juliet Mian" userId="de53d1bb-01d4-4c0c-a3b7-e50034db2ba5" providerId="ADAL" clId="{7ED29931-D0F5-4397-A6A1-7FBBA4A4E28A}" dt="2025-09-07T20:47:51.145" v="115" actId="47"/>
        <pc:sldMkLst>
          <pc:docMk/>
          <pc:sldMk cId="66231775" sldId="2147480138"/>
        </pc:sldMkLst>
      </pc:sldChg>
      <pc:sldChg chg="modSp mod">
        <pc:chgData name="Juliet Mian" userId="de53d1bb-01d4-4c0c-a3b7-e50034db2ba5" providerId="ADAL" clId="{7ED29931-D0F5-4397-A6A1-7FBBA4A4E28A}" dt="2025-09-07T20:56:37.132" v="206" actId="14100"/>
        <pc:sldMkLst>
          <pc:docMk/>
          <pc:sldMk cId="3680965747" sldId="2147483027"/>
        </pc:sldMkLst>
        <pc:spChg chg="mod">
          <ac:chgData name="Juliet Mian" userId="de53d1bb-01d4-4c0c-a3b7-e50034db2ba5" providerId="ADAL" clId="{7ED29931-D0F5-4397-A6A1-7FBBA4A4E28A}" dt="2025-09-07T20:56:37.132" v="206" actId="14100"/>
          <ac:spMkLst>
            <pc:docMk/>
            <pc:sldMk cId="3680965747" sldId="2147483027"/>
            <ac:spMk id="5" creationId="{CED3B6C6-1CF5-8DD7-B271-A3212B98696D}"/>
          </ac:spMkLst>
        </pc:spChg>
      </pc:sldChg>
      <pc:sldChg chg="addSp delSp modSp add mod ord">
        <pc:chgData name="Juliet Mian" userId="de53d1bb-01d4-4c0c-a3b7-e50034db2ba5" providerId="ADAL" clId="{7ED29931-D0F5-4397-A6A1-7FBBA4A4E28A}" dt="2025-09-07T20:57:17.447" v="236"/>
        <pc:sldMkLst>
          <pc:docMk/>
          <pc:sldMk cId="2528786961" sldId="2147483054"/>
        </pc:sldMkLst>
        <pc:spChg chg="del">
          <ac:chgData name="Juliet Mian" userId="de53d1bb-01d4-4c0c-a3b7-e50034db2ba5" providerId="ADAL" clId="{7ED29931-D0F5-4397-A6A1-7FBBA4A4E28A}" dt="2025-09-07T20:51:37.281" v="125" actId="478"/>
          <ac:spMkLst>
            <pc:docMk/>
            <pc:sldMk cId="2528786961" sldId="2147483054"/>
            <ac:spMk id="2" creationId="{0222D8D4-5E64-55C2-DC3C-2130D5A9A209}"/>
          </ac:spMkLst>
        </pc:spChg>
        <pc:spChg chg="del">
          <ac:chgData name="Juliet Mian" userId="de53d1bb-01d4-4c0c-a3b7-e50034db2ba5" providerId="ADAL" clId="{7ED29931-D0F5-4397-A6A1-7FBBA4A4E28A}" dt="2025-09-07T20:51:37.281" v="125" actId="478"/>
          <ac:spMkLst>
            <pc:docMk/>
            <pc:sldMk cId="2528786961" sldId="2147483054"/>
            <ac:spMk id="3" creationId="{D68B14BF-FC53-3715-650B-23A4A6160B0F}"/>
          </ac:spMkLst>
        </pc:spChg>
        <pc:spChg chg="add mod">
          <ac:chgData name="Juliet Mian" userId="de53d1bb-01d4-4c0c-a3b7-e50034db2ba5" providerId="ADAL" clId="{7ED29931-D0F5-4397-A6A1-7FBBA4A4E28A}" dt="2025-09-07T20:51:37.281" v="125" actId="478"/>
          <ac:spMkLst>
            <pc:docMk/>
            <pc:sldMk cId="2528786961" sldId="2147483054"/>
            <ac:spMk id="5" creationId="{2BA15C76-56D1-5F82-1901-3BDD8DEABFB5}"/>
          </ac:spMkLst>
        </pc:spChg>
        <pc:spChg chg="add mod">
          <ac:chgData name="Juliet Mian" userId="de53d1bb-01d4-4c0c-a3b7-e50034db2ba5" providerId="ADAL" clId="{7ED29931-D0F5-4397-A6A1-7FBBA4A4E28A}" dt="2025-09-07T20:51:37.281" v="125" actId="478"/>
          <ac:spMkLst>
            <pc:docMk/>
            <pc:sldMk cId="2528786961" sldId="2147483054"/>
            <ac:spMk id="7" creationId="{DB0FB1FD-4EA7-9A7C-CDB1-48E917543184}"/>
          </ac:spMkLst>
        </pc:spChg>
        <pc:spChg chg="del">
          <ac:chgData name="Juliet Mian" userId="de53d1bb-01d4-4c0c-a3b7-e50034db2ba5" providerId="ADAL" clId="{7ED29931-D0F5-4397-A6A1-7FBBA4A4E28A}" dt="2025-09-07T20:51:40.934" v="126" actId="478"/>
          <ac:spMkLst>
            <pc:docMk/>
            <pc:sldMk cId="2528786961" sldId="2147483054"/>
            <ac:spMk id="16" creationId="{BC3BC8FE-A02D-3AC9-D674-AB3A07EFB16B}"/>
          </ac:spMkLst>
        </pc:spChg>
        <pc:spChg chg="del">
          <ac:chgData name="Juliet Mian" userId="de53d1bb-01d4-4c0c-a3b7-e50034db2ba5" providerId="ADAL" clId="{7ED29931-D0F5-4397-A6A1-7FBBA4A4E28A}" dt="2025-09-07T20:51:37.281" v="125" actId="478"/>
          <ac:spMkLst>
            <pc:docMk/>
            <pc:sldMk cId="2528786961" sldId="2147483054"/>
            <ac:spMk id="17" creationId="{19F1CD87-3D57-9B9F-B683-076713B8DC0C}"/>
          </ac:spMkLst>
        </pc:spChg>
        <pc:spChg chg="del">
          <ac:chgData name="Juliet Mian" userId="de53d1bb-01d4-4c0c-a3b7-e50034db2ba5" providerId="ADAL" clId="{7ED29931-D0F5-4397-A6A1-7FBBA4A4E28A}" dt="2025-09-07T20:51:47.523" v="127" actId="21"/>
          <ac:spMkLst>
            <pc:docMk/>
            <pc:sldMk cId="2528786961" sldId="2147483054"/>
            <ac:spMk id="30" creationId="{34E1F288-8EF5-B1C6-73D4-F4A8D175C7FF}"/>
          </ac:spMkLst>
        </pc:spChg>
        <pc:spChg chg="del">
          <ac:chgData name="Juliet Mian" userId="de53d1bb-01d4-4c0c-a3b7-e50034db2ba5" providerId="ADAL" clId="{7ED29931-D0F5-4397-A6A1-7FBBA4A4E28A}" dt="2025-09-07T20:51:47.523" v="127" actId="21"/>
          <ac:spMkLst>
            <pc:docMk/>
            <pc:sldMk cId="2528786961" sldId="2147483054"/>
            <ac:spMk id="31" creationId="{00C9E32F-6B0D-A492-01D6-929A346E7C27}"/>
          </ac:spMkLst>
        </pc:spChg>
        <pc:spChg chg="del">
          <ac:chgData name="Juliet Mian" userId="de53d1bb-01d4-4c0c-a3b7-e50034db2ba5" providerId="ADAL" clId="{7ED29931-D0F5-4397-A6A1-7FBBA4A4E28A}" dt="2025-09-07T20:51:47.523" v="127" actId="21"/>
          <ac:spMkLst>
            <pc:docMk/>
            <pc:sldMk cId="2528786961" sldId="2147483054"/>
            <ac:spMk id="32" creationId="{9AB655E3-BDAE-2C0D-1D0F-8EE6B1F7B7BD}"/>
          </ac:spMkLst>
        </pc:spChg>
        <pc:spChg chg="del">
          <ac:chgData name="Juliet Mian" userId="de53d1bb-01d4-4c0c-a3b7-e50034db2ba5" providerId="ADAL" clId="{7ED29931-D0F5-4397-A6A1-7FBBA4A4E28A}" dt="2025-09-07T20:51:47.523" v="127" actId="21"/>
          <ac:spMkLst>
            <pc:docMk/>
            <pc:sldMk cId="2528786961" sldId="2147483054"/>
            <ac:spMk id="34" creationId="{141129FF-FA5B-E76A-02F7-525418628D13}"/>
          </ac:spMkLst>
        </pc:spChg>
        <pc:spChg chg="del">
          <ac:chgData name="Juliet Mian" userId="de53d1bb-01d4-4c0c-a3b7-e50034db2ba5" providerId="ADAL" clId="{7ED29931-D0F5-4397-A6A1-7FBBA4A4E28A}" dt="2025-09-07T20:51:47.523" v="127" actId="21"/>
          <ac:spMkLst>
            <pc:docMk/>
            <pc:sldMk cId="2528786961" sldId="2147483054"/>
            <ac:spMk id="62" creationId="{B193AB6F-B08D-0EB2-C91B-7DA6350F5D5A}"/>
          </ac:spMkLst>
        </pc:spChg>
        <pc:spChg chg="del">
          <ac:chgData name="Juliet Mian" userId="de53d1bb-01d4-4c0c-a3b7-e50034db2ba5" providerId="ADAL" clId="{7ED29931-D0F5-4397-A6A1-7FBBA4A4E28A}" dt="2025-09-07T20:51:47.523" v="127" actId="21"/>
          <ac:spMkLst>
            <pc:docMk/>
            <pc:sldMk cId="2528786961" sldId="2147483054"/>
            <ac:spMk id="76" creationId="{518C8083-4438-B31E-3607-03730439EE4A}"/>
          </ac:spMkLst>
        </pc:spChg>
        <pc:spChg chg="del">
          <ac:chgData name="Juliet Mian" userId="de53d1bb-01d4-4c0c-a3b7-e50034db2ba5" providerId="ADAL" clId="{7ED29931-D0F5-4397-A6A1-7FBBA4A4E28A}" dt="2025-09-07T20:51:47.523" v="127" actId="21"/>
          <ac:spMkLst>
            <pc:docMk/>
            <pc:sldMk cId="2528786961" sldId="2147483054"/>
            <ac:spMk id="80" creationId="{63872013-E614-9B97-422F-986BAA4D1BD2}"/>
          </ac:spMkLst>
        </pc:spChg>
        <pc:spChg chg="del">
          <ac:chgData name="Juliet Mian" userId="de53d1bb-01d4-4c0c-a3b7-e50034db2ba5" providerId="ADAL" clId="{7ED29931-D0F5-4397-A6A1-7FBBA4A4E28A}" dt="2025-09-07T20:51:47.523" v="127" actId="21"/>
          <ac:spMkLst>
            <pc:docMk/>
            <pc:sldMk cId="2528786961" sldId="2147483054"/>
            <ac:spMk id="90" creationId="{7AD3D523-5CCA-4DE3-46A0-085E27AF0E0E}"/>
          </ac:spMkLst>
        </pc:spChg>
        <pc:spChg chg="del">
          <ac:chgData name="Juliet Mian" userId="de53d1bb-01d4-4c0c-a3b7-e50034db2ba5" providerId="ADAL" clId="{7ED29931-D0F5-4397-A6A1-7FBBA4A4E28A}" dt="2025-09-07T20:51:47.523" v="127" actId="21"/>
          <ac:spMkLst>
            <pc:docMk/>
            <pc:sldMk cId="2528786961" sldId="2147483054"/>
            <ac:spMk id="101" creationId="{8F65554E-53C7-79D6-C4E3-BB874EB99A4A}"/>
          </ac:spMkLst>
        </pc:spChg>
        <pc:spChg chg="del">
          <ac:chgData name="Juliet Mian" userId="de53d1bb-01d4-4c0c-a3b7-e50034db2ba5" providerId="ADAL" clId="{7ED29931-D0F5-4397-A6A1-7FBBA4A4E28A}" dt="2025-09-07T20:51:47.523" v="127" actId="21"/>
          <ac:spMkLst>
            <pc:docMk/>
            <pc:sldMk cId="2528786961" sldId="2147483054"/>
            <ac:spMk id="110" creationId="{5A8ADA53-D82E-D9DF-4FF4-48C596716C57}"/>
          </ac:spMkLst>
        </pc:spChg>
        <pc:picChg chg="add mod">
          <ac:chgData name="Juliet Mian" userId="de53d1bb-01d4-4c0c-a3b7-e50034db2ba5" providerId="ADAL" clId="{7ED29931-D0F5-4397-A6A1-7FBBA4A4E28A}" dt="2025-09-07T20:51:55.852" v="130" actId="14100"/>
          <ac:picMkLst>
            <pc:docMk/>
            <pc:sldMk cId="2528786961" sldId="2147483054"/>
            <ac:picMk id="8" creationId="{4013139F-F2CF-8C2E-2226-6BC9A6350107}"/>
          </ac:picMkLst>
        </pc:picChg>
      </pc:sldChg>
      <pc:sldChg chg="del">
        <pc:chgData name="Juliet Mian" userId="de53d1bb-01d4-4c0c-a3b7-e50034db2ba5" providerId="ADAL" clId="{7ED29931-D0F5-4397-A6A1-7FBBA4A4E28A}" dt="2025-09-07T20:51:21.491" v="123" actId="2696"/>
        <pc:sldMkLst>
          <pc:docMk/>
          <pc:sldMk cId="3365456814" sldId="2147483054"/>
        </pc:sldMkLst>
      </pc:sldChg>
      <pc:sldChg chg="del">
        <pc:chgData name="Juliet Mian" userId="de53d1bb-01d4-4c0c-a3b7-e50034db2ba5" providerId="ADAL" clId="{7ED29931-D0F5-4397-A6A1-7FBBA4A4E28A}" dt="2025-09-07T20:47:52.338" v="116" actId="47"/>
        <pc:sldMkLst>
          <pc:docMk/>
          <pc:sldMk cId="3029396996" sldId="2147483060"/>
        </pc:sldMkLst>
      </pc:sldChg>
      <pc:sldChg chg="delSp modSp mod">
        <pc:chgData name="Juliet Mian" userId="de53d1bb-01d4-4c0c-a3b7-e50034db2ba5" providerId="ADAL" clId="{7ED29931-D0F5-4397-A6A1-7FBBA4A4E28A}" dt="2025-09-07T20:45:56.377" v="111" actId="1076"/>
        <pc:sldMkLst>
          <pc:docMk/>
          <pc:sldMk cId="2764459598" sldId="2147483579"/>
        </pc:sldMkLst>
        <pc:spChg chg="mod">
          <ac:chgData name="Juliet Mian" userId="de53d1bb-01d4-4c0c-a3b7-e50034db2ba5" providerId="ADAL" clId="{7ED29931-D0F5-4397-A6A1-7FBBA4A4E28A}" dt="2025-09-07T20:45:48.829" v="109" actId="1076"/>
          <ac:spMkLst>
            <pc:docMk/>
            <pc:sldMk cId="2764459598" sldId="2147483579"/>
            <ac:spMk id="2" creationId="{BCD3888B-C237-6375-8FEC-B9A01056012B}"/>
          </ac:spMkLst>
        </pc:spChg>
        <pc:spChg chg="mod">
          <ac:chgData name="Juliet Mian" userId="de53d1bb-01d4-4c0c-a3b7-e50034db2ba5" providerId="ADAL" clId="{7ED29931-D0F5-4397-A6A1-7FBBA4A4E28A}" dt="2025-09-07T20:44:04.916" v="73" actId="20577"/>
          <ac:spMkLst>
            <pc:docMk/>
            <pc:sldMk cId="2764459598" sldId="2147483579"/>
            <ac:spMk id="3" creationId="{F47F43A7-6A72-DADF-0209-F6878E20892D}"/>
          </ac:spMkLst>
        </pc:spChg>
        <pc:spChg chg="del">
          <ac:chgData name="Juliet Mian" userId="de53d1bb-01d4-4c0c-a3b7-e50034db2ba5" providerId="ADAL" clId="{7ED29931-D0F5-4397-A6A1-7FBBA4A4E28A}" dt="2025-09-07T20:44:22.621" v="75" actId="478"/>
          <ac:spMkLst>
            <pc:docMk/>
            <pc:sldMk cId="2764459598" sldId="2147483579"/>
            <ac:spMk id="4" creationId="{1C11426C-8293-BDD8-2F06-61BE61B4DD68}"/>
          </ac:spMkLst>
        </pc:spChg>
        <pc:spChg chg="mod">
          <ac:chgData name="Juliet Mian" userId="de53d1bb-01d4-4c0c-a3b7-e50034db2ba5" providerId="ADAL" clId="{7ED29931-D0F5-4397-A6A1-7FBBA4A4E28A}" dt="2025-09-07T20:45:37.129" v="108" actId="1076"/>
          <ac:spMkLst>
            <pc:docMk/>
            <pc:sldMk cId="2764459598" sldId="2147483579"/>
            <ac:spMk id="5" creationId="{7A8FCED3-422E-5942-22C9-11DAF1DA3384}"/>
          </ac:spMkLst>
        </pc:spChg>
        <pc:spChg chg="mod">
          <ac:chgData name="Juliet Mian" userId="de53d1bb-01d4-4c0c-a3b7-e50034db2ba5" providerId="ADAL" clId="{7ED29931-D0F5-4397-A6A1-7FBBA4A4E28A}" dt="2025-09-07T20:45:56.377" v="111" actId="1076"/>
          <ac:spMkLst>
            <pc:docMk/>
            <pc:sldMk cId="2764459598" sldId="2147483579"/>
            <ac:spMk id="6" creationId="{2A30D2A7-3ABF-981B-2375-FBDBCA3767F2}"/>
          </ac:spMkLst>
        </pc:spChg>
        <pc:spChg chg="del">
          <ac:chgData name="Juliet Mian" userId="de53d1bb-01d4-4c0c-a3b7-e50034db2ba5" providerId="ADAL" clId="{7ED29931-D0F5-4397-A6A1-7FBBA4A4E28A}" dt="2025-09-07T20:44:18.815" v="74" actId="478"/>
          <ac:spMkLst>
            <pc:docMk/>
            <pc:sldMk cId="2764459598" sldId="2147483579"/>
            <ac:spMk id="10" creationId="{5484356F-D151-5118-E70C-A173E1E6C566}"/>
          </ac:spMkLst>
        </pc:spChg>
        <pc:picChg chg="mod">
          <ac:chgData name="Juliet Mian" userId="de53d1bb-01d4-4c0c-a3b7-e50034db2ba5" providerId="ADAL" clId="{7ED29931-D0F5-4397-A6A1-7FBBA4A4E28A}" dt="2025-09-07T20:45:50.966" v="110" actId="1076"/>
          <ac:picMkLst>
            <pc:docMk/>
            <pc:sldMk cId="2764459598" sldId="2147483579"/>
            <ac:picMk id="8" creationId="{B57A208B-4F26-5E09-8B14-3235C477FD31}"/>
          </ac:picMkLst>
        </pc:picChg>
      </pc:sldChg>
      <pc:sldChg chg="del">
        <pc:chgData name="Juliet Mian" userId="de53d1bb-01d4-4c0c-a3b7-e50034db2ba5" providerId="ADAL" clId="{7ED29931-D0F5-4397-A6A1-7FBBA4A4E28A}" dt="2025-09-07T20:41:13.079" v="6" actId="47"/>
        <pc:sldMkLst>
          <pc:docMk/>
          <pc:sldMk cId="3292905372" sldId="2147483581"/>
        </pc:sldMkLst>
      </pc:sldChg>
      <pc:sldChg chg="del">
        <pc:chgData name="Juliet Mian" userId="de53d1bb-01d4-4c0c-a3b7-e50034db2ba5" providerId="ADAL" clId="{7ED29931-D0F5-4397-A6A1-7FBBA4A4E28A}" dt="2025-09-07T20:40:47.327" v="1" actId="47"/>
        <pc:sldMkLst>
          <pc:docMk/>
          <pc:sldMk cId="2880822571" sldId="2147483582"/>
        </pc:sldMkLst>
      </pc:sldChg>
      <pc:sldChg chg="delSp modSp mod">
        <pc:chgData name="Juliet Mian" userId="de53d1bb-01d4-4c0c-a3b7-e50034db2ba5" providerId="ADAL" clId="{7ED29931-D0F5-4397-A6A1-7FBBA4A4E28A}" dt="2025-09-07T20:41:01.097" v="3" actId="478"/>
        <pc:sldMkLst>
          <pc:docMk/>
          <pc:sldMk cId="4134594314" sldId="2147483583"/>
        </pc:sldMkLst>
        <pc:spChg chg="mod">
          <ac:chgData name="Juliet Mian" userId="de53d1bb-01d4-4c0c-a3b7-e50034db2ba5" providerId="ADAL" clId="{7ED29931-D0F5-4397-A6A1-7FBBA4A4E28A}" dt="2025-09-07T20:40:57.929" v="2" actId="14100"/>
          <ac:spMkLst>
            <pc:docMk/>
            <pc:sldMk cId="4134594314" sldId="2147483583"/>
            <ac:spMk id="2" creationId="{3289C50B-BC6D-A0D8-19DC-2C75620FA039}"/>
          </ac:spMkLst>
        </pc:spChg>
        <pc:spChg chg="del">
          <ac:chgData name="Juliet Mian" userId="de53d1bb-01d4-4c0c-a3b7-e50034db2ba5" providerId="ADAL" clId="{7ED29931-D0F5-4397-A6A1-7FBBA4A4E28A}" dt="2025-09-07T20:41:01.097" v="3" actId="478"/>
          <ac:spMkLst>
            <pc:docMk/>
            <pc:sldMk cId="4134594314" sldId="2147483583"/>
            <ac:spMk id="3" creationId="{87ADFF00-64FD-CD85-A9E5-196718876EE7}"/>
          </ac:spMkLst>
        </pc:spChg>
      </pc:sldChg>
      <pc:sldChg chg="modSp mod">
        <pc:chgData name="Juliet Mian" userId="de53d1bb-01d4-4c0c-a3b7-e50034db2ba5" providerId="ADAL" clId="{7ED29931-D0F5-4397-A6A1-7FBBA4A4E28A}" dt="2025-09-07T20:42:55.108" v="43" actId="20577"/>
        <pc:sldMkLst>
          <pc:docMk/>
          <pc:sldMk cId="3262641887" sldId="2147483585"/>
        </pc:sldMkLst>
        <pc:spChg chg="mod">
          <ac:chgData name="Juliet Mian" userId="de53d1bb-01d4-4c0c-a3b7-e50034db2ba5" providerId="ADAL" clId="{7ED29931-D0F5-4397-A6A1-7FBBA4A4E28A}" dt="2025-09-07T20:42:55.108" v="43" actId="20577"/>
          <ac:spMkLst>
            <pc:docMk/>
            <pc:sldMk cId="3262641887" sldId="2147483585"/>
            <ac:spMk id="2" creationId="{44CD07F9-54BC-A7BE-1B35-526AEE3E4CA9}"/>
          </ac:spMkLst>
        </pc:spChg>
      </pc:sldChg>
      <pc:sldChg chg="del">
        <pc:chgData name="Juliet Mian" userId="de53d1bb-01d4-4c0c-a3b7-e50034db2ba5" providerId="ADAL" clId="{7ED29931-D0F5-4397-A6A1-7FBBA4A4E28A}" dt="2025-09-07T20:40:39.181" v="0" actId="47"/>
        <pc:sldMkLst>
          <pc:docMk/>
          <pc:sldMk cId="771285646" sldId="2147483588"/>
        </pc:sldMkLst>
      </pc:sldChg>
      <pc:sldChg chg="del">
        <pc:chgData name="Juliet Mian" userId="de53d1bb-01d4-4c0c-a3b7-e50034db2ba5" providerId="ADAL" clId="{7ED29931-D0F5-4397-A6A1-7FBBA4A4E28A}" dt="2025-09-07T20:52:54.064" v="133" actId="47"/>
        <pc:sldMkLst>
          <pc:docMk/>
          <pc:sldMk cId="1062175466" sldId="2147483589"/>
        </pc:sldMkLst>
      </pc:sldChg>
      <pc:sldChg chg="del">
        <pc:chgData name="Juliet Mian" userId="de53d1bb-01d4-4c0c-a3b7-e50034db2ba5" providerId="ADAL" clId="{7ED29931-D0F5-4397-A6A1-7FBBA4A4E28A}" dt="2025-09-07T20:43:02.313" v="44" actId="47"/>
        <pc:sldMkLst>
          <pc:docMk/>
          <pc:sldMk cId="3444827052" sldId="2147483590"/>
        </pc:sldMkLst>
      </pc:sldChg>
      <pc:sldChg chg="del">
        <pc:chgData name="Juliet Mian" userId="de53d1bb-01d4-4c0c-a3b7-e50034db2ba5" providerId="ADAL" clId="{7ED29931-D0F5-4397-A6A1-7FBBA4A4E28A}" dt="2025-09-07T20:41:08.347" v="4" actId="47"/>
        <pc:sldMkLst>
          <pc:docMk/>
          <pc:sldMk cId="1532690944" sldId="2147483591"/>
        </pc:sldMkLst>
      </pc:sldChg>
      <pc:sldChg chg="del">
        <pc:chgData name="Juliet Mian" userId="de53d1bb-01d4-4c0c-a3b7-e50034db2ba5" providerId="ADAL" clId="{7ED29931-D0F5-4397-A6A1-7FBBA4A4E28A}" dt="2025-09-07T20:41:53.368" v="11" actId="47"/>
        <pc:sldMkLst>
          <pc:docMk/>
          <pc:sldMk cId="996672904" sldId="2147483592"/>
        </pc:sldMkLst>
      </pc:sldChg>
      <pc:sldChg chg="del">
        <pc:chgData name="Juliet Mian" userId="de53d1bb-01d4-4c0c-a3b7-e50034db2ba5" providerId="ADAL" clId="{7ED29931-D0F5-4397-A6A1-7FBBA4A4E28A}" dt="2025-09-07T20:41:10.970" v="5" actId="47"/>
        <pc:sldMkLst>
          <pc:docMk/>
          <pc:sldMk cId="4099365844" sldId="2147483593"/>
        </pc:sldMkLst>
      </pc:sldChg>
      <pc:sldChg chg="del">
        <pc:chgData name="Juliet Mian" userId="de53d1bb-01d4-4c0c-a3b7-e50034db2ba5" providerId="ADAL" clId="{7ED29931-D0F5-4397-A6A1-7FBBA4A4E28A}" dt="2025-09-07T20:46:29.680" v="112" actId="47"/>
        <pc:sldMkLst>
          <pc:docMk/>
          <pc:sldMk cId="2398959505" sldId="2147483594"/>
        </pc:sldMkLst>
      </pc:sldChg>
      <pc:sldChg chg="del">
        <pc:chgData name="Juliet Mian" userId="de53d1bb-01d4-4c0c-a3b7-e50034db2ba5" providerId="ADAL" clId="{7ED29931-D0F5-4397-A6A1-7FBBA4A4E28A}" dt="2025-09-07T20:46:31.551" v="113" actId="47"/>
        <pc:sldMkLst>
          <pc:docMk/>
          <pc:sldMk cId="3012602505" sldId="2147483595"/>
        </pc:sldMkLst>
      </pc:sldChg>
      <pc:sldChg chg="del">
        <pc:chgData name="Juliet Mian" userId="de53d1bb-01d4-4c0c-a3b7-e50034db2ba5" providerId="ADAL" clId="{7ED29931-D0F5-4397-A6A1-7FBBA4A4E28A}" dt="2025-09-07T20:41:27.204" v="8" actId="47"/>
        <pc:sldMkLst>
          <pc:docMk/>
          <pc:sldMk cId="1317292578" sldId="2147483596"/>
        </pc:sldMkLst>
      </pc:sldChg>
      <pc:sldChg chg="add">
        <pc:chgData name="Juliet Mian" userId="de53d1bb-01d4-4c0c-a3b7-e50034db2ba5" providerId="ADAL" clId="{7ED29931-D0F5-4397-A6A1-7FBBA4A4E28A}" dt="2025-09-07T20:41:44.706" v="10"/>
        <pc:sldMkLst>
          <pc:docMk/>
          <pc:sldMk cId="464883967" sldId="2147483597"/>
        </pc:sldMkLst>
      </pc:sldChg>
      <pc:sldChg chg="del">
        <pc:chgData name="Juliet Mian" userId="de53d1bb-01d4-4c0c-a3b7-e50034db2ba5" providerId="ADAL" clId="{7ED29931-D0F5-4397-A6A1-7FBBA4A4E28A}" dt="2025-09-07T20:41:37.741" v="9" actId="2696"/>
        <pc:sldMkLst>
          <pc:docMk/>
          <pc:sldMk cId="3684695533" sldId="2147483597"/>
        </pc:sldMkLst>
      </pc:sldChg>
      <pc:sldChg chg="add">
        <pc:chgData name="Juliet Mian" userId="de53d1bb-01d4-4c0c-a3b7-e50034db2ba5" providerId="ADAL" clId="{7ED29931-D0F5-4397-A6A1-7FBBA4A4E28A}" dt="2025-09-07T20:47:14.391" v="114"/>
        <pc:sldMkLst>
          <pc:docMk/>
          <pc:sldMk cId="4183365705" sldId="2147483598"/>
        </pc:sldMkLst>
      </pc:sldChg>
      <pc:sldChg chg="add del">
        <pc:chgData name="Juliet Mian" userId="de53d1bb-01d4-4c0c-a3b7-e50034db2ba5" providerId="ADAL" clId="{7ED29931-D0F5-4397-A6A1-7FBBA4A4E28A}" dt="2025-09-07T21:01:24.963" v="272" actId="47"/>
        <pc:sldMkLst>
          <pc:docMk/>
          <pc:sldMk cId="3878750432" sldId="2147483599"/>
        </pc:sldMkLst>
      </pc:sldChg>
    </pc:docChg>
  </pc:docChgLst>
</pc:chgInfo>
</file>

<file path=ppt/comments/modernComment_115_3E71CF79.xml><?xml version="1.0" encoding="utf-8"?>
<p188:cmLst xmlns:a="http://schemas.openxmlformats.org/drawingml/2006/main" xmlns:r="http://schemas.openxmlformats.org/officeDocument/2006/relationships" xmlns:p188="http://schemas.microsoft.com/office/powerpoint/2018/8/main">
  <p188:cm id="{929BA0DA-50D8-4E49-8818-85B47C32D6CA}" authorId="{837B6C45-2363-64AC-03B2-7599BBDFD197}" created="2025-09-04T21:02:05.218">
    <pc:sldMkLst xmlns:pc="http://schemas.microsoft.com/office/powerpoint/2013/main/command">
      <pc:docMk/>
      <pc:sldMk cId="1047646073" sldId="277"/>
    </pc:sldMkLst>
    <p188:replyLst>
      <p188:reply id="{E75525EE-46DD-4103-A20B-A68FA6A7D090}" authorId="{3EF7E40D-07A2-CA1F-CC74-E0A74CD9A56D}" created="2025-09-05T06:50:26.493">
        <p188:txBody>
          <a:bodyPr/>
          <a:lstStyle/>
          <a:p>
            <a:r>
              <a:rPr lang="it-IT"/>
              <a:t>Modified slightly the text, removing classes and inserting the level of analysis required</a:t>
            </a:r>
          </a:p>
        </p188:txBody>
      </p188:reply>
    </p188:replyLst>
    <p188:txBody>
      <a:bodyPr/>
      <a:lstStyle/>
      <a:p>
        <a:r>
          <a:rPr lang="en-GB"/>
          <a:t>This is good, but we haven’t defined Class 1 to 3 yet, so I’m not sure it’s helpful or confusing.  
Also it’s a bit more circular in reality as they acquire new sites whilst managing existing?  </a:t>
        </a:r>
      </a:p>
    </p188:txBody>
  </p188:cm>
</p188:cmLst>
</file>

<file path=ppt/comments/modernComment_7FFFF23C_A4578A98.xml><?xml version="1.0" encoding="utf-8"?>
<p188:cmLst xmlns:a="http://schemas.openxmlformats.org/drawingml/2006/main" xmlns:r="http://schemas.openxmlformats.org/officeDocument/2006/relationships" xmlns:p188="http://schemas.microsoft.com/office/powerpoint/2018/8/main">
  <p188:cm id="{C6A15E96-0DEA-4682-A69F-E8BF4F49C698}" authorId="{08BF6082-B90D-B487-D498-88F16B5CC6F8}" created="2025-09-02T15:41:27.235">
    <pc:sldMkLst xmlns:pc="http://schemas.microsoft.com/office/powerpoint/2013/main/command">
      <pc:docMk/>
      <pc:sldMk cId="3811880270" sldId="2147480124"/>
    </pc:sldMkLst>
    <p188:txBody>
      <a:bodyPr/>
      <a:lstStyle/>
      <a:p>
        <a:r>
          <a:rPr lang="en-GB"/>
          <a:t>Do we need this slide?</a:t>
        </a:r>
      </a:p>
    </p188:txBody>
  </p188:cm>
</p188:cmLst>
</file>

<file path=ppt/comments/modernComment_7FFFFD93_DB671473.xml><?xml version="1.0" encoding="utf-8"?>
<p188:cmLst xmlns:a="http://schemas.openxmlformats.org/drawingml/2006/main" xmlns:r="http://schemas.openxmlformats.org/officeDocument/2006/relationships" xmlns:p188="http://schemas.microsoft.com/office/powerpoint/2018/8/main">
  <p188:cm id="{BC2D926B-311D-4C66-8D56-887BC0CCAF93}" authorId="{837B6C45-2363-64AC-03B2-7599BBDFD197}" created="2025-09-04T21:00:51.194">
    <pc:sldMkLst xmlns:pc="http://schemas.microsoft.com/office/powerpoint/2013/main/command">
      <pc:docMk/>
      <pc:sldMk cId="3680965747" sldId="2147483027"/>
    </pc:sldMkLst>
    <p188:txBody>
      <a:bodyPr/>
      <a:lstStyle/>
      <a:p>
        <a:r>
          <a:rPr lang="en-GB"/>
          <a:t>I like this slide, the 1 - 4 are very slightly different to the 1 - 4 on slide 3 (which I kept from your earlier one - just sense check</a:t>
        </a:r>
      </a:p>
    </p188:txBody>
    <p188:extLst>
      <p:ext xmlns:p="http://schemas.openxmlformats.org/presentationml/2006/main" uri="{57CB4572-C831-44C2-8A1C-0ADB6CCDFE69}">
        <p223:reactions xmlns:p223="http://schemas.microsoft.com/office/powerpoint/2022/03/main">
          <p223:rxn type="👍">
            <p223:instance time="2025-09-05T07:16:18.589" authorId="{3EF7E40D-07A2-CA1F-CC74-E0A74CD9A56D}"/>
          </p223:rxn>
        </p223:reactions>
      </p:ext>
    </p188:extLst>
  </p188:cm>
</p188:cmLst>
</file>

<file path=ppt/diagrams/colors1.xml><?xml version="1.0" encoding="utf-8"?>
<dgm:colorsDef xmlns:dgm="http://schemas.openxmlformats.org/drawingml/2006/diagram" xmlns:a="http://schemas.openxmlformats.org/drawingml/2006/main" uniqueId="urn:microsoft.com/office/officeart/2005/8/colors/accent1_4">
  <dgm:title val=""/>
  <dgm:desc val=""/>
  <dgm:catLst>
    <dgm:cat type="accent1" pri="11400"/>
  </dgm:catLst>
  <dgm:styleLbl name="node0">
    <dgm:fillClrLst meth="cycle">
      <a:schemeClr val="accent1">
        <a:shade val="60000"/>
      </a:schemeClr>
    </dgm:fillClrLst>
    <dgm:linClrLst meth="repeat">
      <a:schemeClr val="lt1"/>
    </dgm:linClrLst>
    <dgm:effectClrLst/>
    <dgm:txLinClrLst/>
    <dgm:txFillClrLst/>
    <dgm:txEffectClrLst/>
  </dgm:styleLbl>
  <dgm:styleLbl name="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alignNode1">
    <dgm:fillClrLst meth="cycle">
      <a:schemeClr val="accent1">
        <a:shade val="50000"/>
      </a:schemeClr>
      <a:schemeClr val="accent1">
        <a:tint val="55000"/>
      </a:schemeClr>
    </dgm:fillClrLst>
    <dgm:linClrLst meth="cycle">
      <a:schemeClr val="accent1">
        <a:shade val="50000"/>
      </a:schemeClr>
      <a:schemeClr val="accent1">
        <a:tint val="55000"/>
      </a:schemeClr>
    </dgm:linClrLst>
    <dgm:effectClrLst/>
    <dgm:txLinClrLst/>
    <dgm:txFillClrLst/>
    <dgm:txEffectClrLst/>
  </dgm:styleLbl>
  <dgm:styleLbl name="ln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vennNode1">
    <dgm:fillClrLst meth="cycle">
      <a:schemeClr val="accent1">
        <a:shade val="80000"/>
        <a:alpha val="50000"/>
      </a:schemeClr>
      <a:schemeClr val="accent1">
        <a:tint val="50000"/>
        <a:alpha val="50000"/>
      </a:schemeClr>
    </dgm:fillClrLst>
    <dgm:linClrLst meth="repeat">
      <a:schemeClr val="lt1"/>
    </dgm:linClrLst>
    <dgm:effectClrLst/>
    <dgm:txLinClrLst/>
    <dgm:txFillClrLst/>
    <dgm:txEffectClrLst/>
  </dgm:styleLbl>
  <dgm:styleLbl name="node2">
    <dgm:fillClrLst>
      <a:schemeClr val="accent1">
        <a:shade val="80000"/>
      </a:schemeClr>
    </dgm:fillClrLst>
    <dgm:linClrLst meth="repeat">
      <a:schemeClr val="lt1"/>
    </dgm:linClrLst>
    <dgm:effectClrLst/>
    <dgm:txLinClrLst/>
    <dgm:txFillClrLst/>
    <dgm:txEffectClrLst/>
  </dgm:styleLbl>
  <dgm:styleLbl name="node3">
    <dgm:fillClrLst>
      <a:schemeClr val="accent1">
        <a:tint val="99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f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b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sibTrans1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0000"/>
      </a:schemeClr>
    </dgm:fillClrLst>
    <dgm:linClrLst meth="repeat">
      <a:schemeClr val="lt1"/>
    </dgm:linClrLst>
    <dgm:effectClrLst/>
    <dgm:txLinClrLst/>
    <dgm:txFillClrLst/>
    <dgm:txEffectClrLst/>
  </dgm:styleLbl>
  <dgm:styleLbl name="asst3">
    <dgm:fillClrLst>
      <a:schemeClr val="accent1">
        <a:tint val="70000"/>
      </a:schemeClr>
    </dgm:fillClrLst>
    <dgm:linClrLst meth="repeat">
      <a:schemeClr val="lt1"/>
    </dgm:linClrLst>
    <dgm:effectClrLst/>
    <dgm:txLinClrLst/>
    <dgm:txFillClrLst/>
    <dgm:txEffectClrLst/>
  </dgm:styleLbl>
  <dgm:styleLbl name="asst4">
    <dgm:fillClrLst>
      <a:schemeClr val="accent1">
        <a:tint val="5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shade val="80000"/>
      </a:schemeClr>
    </dgm:linClrLst>
    <dgm:effectClrLst/>
    <dgm:txLinClrLst/>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dk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0000"/>
      </a:schemeClr>
    </dgm:fillClrLst>
    <dgm:linClrLst meth="repeat">
      <a:schemeClr val="accent1">
        <a:tint val="90000"/>
      </a:schemeClr>
    </dgm:linClrLst>
    <dgm:effectClrLst/>
    <dgm:txLinClrLst/>
    <dgm:txFillClrLst meth="repeat">
      <a:schemeClr val="tx1"/>
    </dgm:txFillClrLst>
    <dgm:txEffectClrLst/>
  </dgm:styleLbl>
  <dgm:styleLbl name="parChTrans1D3">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parChTrans1D4">
    <dgm:fillClrLst meth="repeat">
      <a:schemeClr val="accent1">
        <a:tint val="50000"/>
      </a:schemeClr>
    </dgm:fillClrLst>
    <dgm:linClrLst meth="repeat">
      <a:schemeClr val="accent1">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con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align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trAlignAcc1">
    <dgm:fillClrLst meth="repeat">
      <a:schemeClr val="lt1">
        <a:alpha val="55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FgAcc1">
    <dgm:fillClrLst meth="repeat">
      <a:schemeClr val="lt1"/>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align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bgAccFollowNode1">
    <dgm:fillClrLst meth="repeat">
      <a:schemeClr val="accent1">
        <a:alpha val="90000"/>
        <a:tint val="55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50000"/>
      </a:schemeClr>
    </dgm:linClrLst>
    <dgm:effectClrLst/>
    <dgm:txLinClrLst/>
    <dgm:txFillClrLst meth="repeat">
      <a:schemeClr val="dk1"/>
    </dgm:txFillClrLst>
    <dgm:txEffectClrLst/>
  </dgm:styleLbl>
  <dgm:styleLbl name="bgShp">
    <dgm:fillClrLst meth="repeat">
      <a:schemeClr val="accent1">
        <a:tint val="55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55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55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483FC0A-1D40-4E69-B23C-916C9D372EE5}" type="doc">
      <dgm:prSet loTypeId="urn:microsoft.com/office/officeart/2005/8/layout/chevron1" loCatId="process" qsTypeId="urn:microsoft.com/office/officeart/2005/8/quickstyle/simple1" qsCatId="simple" csTypeId="urn:microsoft.com/office/officeart/2005/8/colors/accent1_4" csCatId="accent1" phldr="1"/>
      <dgm:spPr/>
    </dgm:pt>
    <dgm:pt modelId="{FD74E63B-2C2F-4A5F-861E-C7D784BF7DBC}">
      <dgm:prSet phldrT="[Text]" custT="1"/>
      <dgm:spPr/>
      <dgm:t>
        <a:bodyPr/>
        <a:lstStyle/>
        <a:p>
          <a:r>
            <a:rPr lang="en-GB" sz="2000" dirty="0"/>
            <a:t>Root causes</a:t>
          </a:r>
        </a:p>
      </dgm:t>
    </dgm:pt>
    <dgm:pt modelId="{D7C74173-CF8B-4037-9BC6-F4654558E1C3}" type="parTrans" cxnId="{2D62917A-8A4C-4C31-80A3-0C3DD46AA29F}">
      <dgm:prSet/>
      <dgm:spPr/>
      <dgm:t>
        <a:bodyPr/>
        <a:lstStyle/>
        <a:p>
          <a:endParaRPr lang="en-GB" sz="2400"/>
        </a:p>
      </dgm:t>
    </dgm:pt>
    <dgm:pt modelId="{625AC8B2-DF9F-49BC-B7A7-72F3A805672E}" type="sibTrans" cxnId="{2D62917A-8A4C-4C31-80A3-0C3DD46AA29F}">
      <dgm:prSet/>
      <dgm:spPr/>
      <dgm:t>
        <a:bodyPr/>
        <a:lstStyle/>
        <a:p>
          <a:endParaRPr lang="en-GB" sz="2400"/>
        </a:p>
      </dgm:t>
    </dgm:pt>
    <dgm:pt modelId="{67AD352E-FC42-4630-BD0C-10501DE9399A}">
      <dgm:prSet phldrT="[Text]" custT="1"/>
      <dgm:spPr/>
      <dgm:t>
        <a:bodyPr/>
        <a:lstStyle/>
        <a:p>
          <a:r>
            <a:rPr lang="en-GB" sz="2000" dirty="0"/>
            <a:t>Problem</a:t>
          </a:r>
        </a:p>
      </dgm:t>
    </dgm:pt>
    <dgm:pt modelId="{4B61845A-EA46-4BA2-829D-BDE58C0697EF}" type="parTrans" cxnId="{D338C4AF-532F-4F59-B7CC-E2C32DE000DF}">
      <dgm:prSet/>
      <dgm:spPr/>
      <dgm:t>
        <a:bodyPr/>
        <a:lstStyle/>
        <a:p>
          <a:endParaRPr lang="en-GB" sz="2400"/>
        </a:p>
      </dgm:t>
    </dgm:pt>
    <dgm:pt modelId="{8941F1E0-5CB1-4DE2-BC0A-EEE9ECBD1C9A}" type="sibTrans" cxnId="{D338C4AF-532F-4F59-B7CC-E2C32DE000DF}">
      <dgm:prSet/>
      <dgm:spPr/>
      <dgm:t>
        <a:bodyPr/>
        <a:lstStyle/>
        <a:p>
          <a:endParaRPr lang="en-GB" sz="2400"/>
        </a:p>
      </dgm:t>
    </dgm:pt>
    <dgm:pt modelId="{912210FC-2FD1-4B9D-9614-2D45EC32F41D}">
      <dgm:prSet phldrT="[Text]" custT="1"/>
      <dgm:spPr/>
      <dgm:t>
        <a:bodyPr/>
        <a:lstStyle/>
        <a:p>
          <a:r>
            <a:rPr lang="en-GB" sz="2000" dirty="0"/>
            <a:t>Resources (inputs)	</a:t>
          </a:r>
        </a:p>
      </dgm:t>
    </dgm:pt>
    <dgm:pt modelId="{0C41C3F1-BAC0-45CD-A5FC-735D4BE7E134}" type="parTrans" cxnId="{BA13E595-47AF-4558-8D4A-149322799802}">
      <dgm:prSet/>
      <dgm:spPr/>
      <dgm:t>
        <a:bodyPr/>
        <a:lstStyle/>
        <a:p>
          <a:endParaRPr lang="en-GB" sz="2400"/>
        </a:p>
      </dgm:t>
    </dgm:pt>
    <dgm:pt modelId="{E0B79C86-0C64-4CFC-A156-043458628F68}" type="sibTrans" cxnId="{BA13E595-47AF-4558-8D4A-149322799802}">
      <dgm:prSet/>
      <dgm:spPr/>
      <dgm:t>
        <a:bodyPr/>
        <a:lstStyle/>
        <a:p>
          <a:endParaRPr lang="en-GB" sz="2400"/>
        </a:p>
      </dgm:t>
    </dgm:pt>
    <dgm:pt modelId="{F6A057FE-13FF-405A-BB87-04E5CFBE5CE5}">
      <dgm:prSet custT="1"/>
      <dgm:spPr/>
      <dgm:t>
        <a:bodyPr/>
        <a:lstStyle/>
        <a:p>
          <a:r>
            <a:rPr lang="en-GB" sz="2000" dirty="0"/>
            <a:t>Activities</a:t>
          </a:r>
        </a:p>
      </dgm:t>
    </dgm:pt>
    <dgm:pt modelId="{D0510981-B175-439D-B2AE-1EDE32472F1F}" type="parTrans" cxnId="{2C43DCD3-86F7-429D-92F0-42A88BA035DD}">
      <dgm:prSet/>
      <dgm:spPr/>
      <dgm:t>
        <a:bodyPr/>
        <a:lstStyle/>
        <a:p>
          <a:endParaRPr lang="en-GB" sz="2400"/>
        </a:p>
      </dgm:t>
    </dgm:pt>
    <dgm:pt modelId="{FDB86B0D-4703-4628-9659-2061E1652C9A}" type="sibTrans" cxnId="{2C43DCD3-86F7-429D-92F0-42A88BA035DD}">
      <dgm:prSet/>
      <dgm:spPr/>
      <dgm:t>
        <a:bodyPr/>
        <a:lstStyle/>
        <a:p>
          <a:endParaRPr lang="en-GB" sz="2400"/>
        </a:p>
      </dgm:t>
    </dgm:pt>
    <dgm:pt modelId="{BDAB7BC2-3E23-4AFD-ADF2-3D692632951D}">
      <dgm:prSet custT="1"/>
      <dgm:spPr/>
      <dgm:t>
        <a:bodyPr/>
        <a:lstStyle/>
        <a:p>
          <a:r>
            <a:rPr lang="en-GB" sz="2000" dirty="0"/>
            <a:t>Outputs</a:t>
          </a:r>
        </a:p>
      </dgm:t>
    </dgm:pt>
    <dgm:pt modelId="{C5B27E6E-391E-4AC6-A4F1-7374472DA868}" type="parTrans" cxnId="{ADE0DBAE-5D95-4FC8-8F23-25077E3FB84A}">
      <dgm:prSet/>
      <dgm:spPr/>
      <dgm:t>
        <a:bodyPr/>
        <a:lstStyle/>
        <a:p>
          <a:endParaRPr lang="en-GB" sz="2400"/>
        </a:p>
      </dgm:t>
    </dgm:pt>
    <dgm:pt modelId="{D48FA74B-38AF-4932-BA71-14CAE5A8640D}" type="sibTrans" cxnId="{ADE0DBAE-5D95-4FC8-8F23-25077E3FB84A}">
      <dgm:prSet/>
      <dgm:spPr/>
      <dgm:t>
        <a:bodyPr/>
        <a:lstStyle/>
        <a:p>
          <a:endParaRPr lang="en-GB" sz="2400"/>
        </a:p>
      </dgm:t>
    </dgm:pt>
    <dgm:pt modelId="{B385F034-99CE-4766-B676-A88230BBEE35}">
      <dgm:prSet custT="1"/>
      <dgm:spPr/>
      <dgm:t>
        <a:bodyPr/>
        <a:lstStyle/>
        <a:p>
          <a:r>
            <a:rPr lang="en-GB" sz="2000" dirty="0"/>
            <a:t>Outcomes</a:t>
          </a:r>
        </a:p>
      </dgm:t>
    </dgm:pt>
    <dgm:pt modelId="{12F7AA23-F369-4C74-ADBA-C14B6FE41B5D}" type="parTrans" cxnId="{6C0DA529-56F1-4165-A0D4-2E0B9DB0CCA1}">
      <dgm:prSet/>
      <dgm:spPr/>
      <dgm:t>
        <a:bodyPr/>
        <a:lstStyle/>
        <a:p>
          <a:endParaRPr lang="en-GB" sz="2400"/>
        </a:p>
      </dgm:t>
    </dgm:pt>
    <dgm:pt modelId="{E38E7EBB-E6F2-4271-8D38-2B57B3803B17}" type="sibTrans" cxnId="{6C0DA529-56F1-4165-A0D4-2E0B9DB0CCA1}">
      <dgm:prSet/>
      <dgm:spPr/>
      <dgm:t>
        <a:bodyPr/>
        <a:lstStyle/>
        <a:p>
          <a:endParaRPr lang="en-GB" sz="2400"/>
        </a:p>
      </dgm:t>
    </dgm:pt>
    <dgm:pt modelId="{02EA4B10-3C80-4802-9EB0-10357FC87A2A}">
      <dgm:prSet custT="1"/>
      <dgm:spPr/>
      <dgm:t>
        <a:bodyPr/>
        <a:lstStyle/>
        <a:p>
          <a:r>
            <a:rPr lang="en-GB" sz="2000" dirty="0"/>
            <a:t>Impacts</a:t>
          </a:r>
        </a:p>
      </dgm:t>
    </dgm:pt>
    <dgm:pt modelId="{493610D5-1BA2-44B2-A484-5879E75C69A8}" type="parTrans" cxnId="{65256279-DA1F-45BB-9701-2AB73BAF1231}">
      <dgm:prSet/>
      <dgm:spPr/>
      <dgm:t>
        <a:bodyPr/>
        <a:lstStyle/>
        <a:p>
          <a:endParaRPr lang="en-GB" sz="2400"/>
        </a:p>
      </dgm:t>
    </dgm:pt>
    <dgm:pt modelId="{4F981688-268B-4291-A6C6-2840FAB3BCD3}" type="sibTrans" cxnId="{65256279-DA1F-45BB-9701-2AB73BAF1231}">
      <dgm:prSet/>
      <dgm:spPr/>
      <dgm:t>
        <a:bodyPr/>
        <a:lstStyle/>
        <a:p>
          <a:endParaRPr lang="en-GB" sz="2400"/>
        </a:p>
      </dgm:t>
    </dgm:pt>
    <dgm:pt modelId="{F844E3CB-1545-4427-AD79-FD5C193E113B}" type="pres">
      <dgm:prSet presAssocID="{1483FC0A-1D40-4E69-B23C-916C9D372EE5}" presName="Name0" presStyleCnt="0">
        <dgm:presLayoutVars>
          <dgm:dir/>
          <dgm:animLvl val="lvl"/>
          <dgm:resizeHandles val="exact"/>
        </dgm:presLayoutVars>
      </dgm:prSet>
      <dgm:spPr/>
    </dgm:pt>
    <dgm:pt modelId="{0A855484-7217-4024-AF96-36685CC32D74}" type="pres">
      <dgm:prSet presAssocID="{FD74E63B-2C2F-4A5F-861E-C7D784BF7DBC}" presName="parTxOnly" presStyleLbl="node1" presStyleIdx="0" presStyleCnt="7">
        <dgm:presLayoutVars>
          <dgm:chMax val="0"/>
          <dgm:chPref val="0"/>
          <dgm:bulletEnabled val="1"/>
        </dgm:presLayoutVars>
      </dgm:prSet>
      <dgm:spPr/>
    </dgm:pt>
    <dgm:pt modelId="{9BEC734F-CBC3-4367-954F-A0822D8FDE36}" type="pres">
      <dgm:prSet presAssocID="{625AC8B2-DF9F-49BC-B7A7-72F3A805672E}" presName="parTxOnlySpace" presStyleCnt="0"/>
      <dgm:spPr/>
    </dgm:pt>
    <dgm:pt modelId="{876AA8B7-15C0-4FBC-B1B2-DCF543A33B53}" type="pres">
      <dgm:prSet presAssocID="{67AD352E-FC42-4630-BD0C-10501DE9399A}" presName="parTxOnly" presStyleLbl="node1" presStyleIdx="1" presStyleCnt="7">
        <dgm:presLayoutVars>
          <dgm:chMax val="0"/>
          <dgm:chPref val="0"/>
          <dgm:bulletEnabled val="1"/>
        </dgm:presLayoutVars>
      </dgm:prSet>
      <dgm:spPr/>
    </dgm:pt>
    <dgm:pt modelId="{1635FF59-9327-448E-A34A-63A422FD8073}" type="pres">
      <dgm:prSet presAssocID="{8941F1E0-5CB1-4DE2-BC0A-EEE9ECBD1C9A}" presName="parTxOnlySpace" presStyleCnt="0"/>
      <dgm:spPr/>
    </dgm:pt>
    <dgm:pt modelId="{E3B4BB8B-ED65-48C7-934F-E4AAE564E9C1}" type="pres">
      <dgm:prSet presAssocID="{912210FC-2FD1-4B9D-9614-2D45EC32F41D}" presName="parTxOnly" presStyleLbl="node1" presStyleIdx="2" presStyleCnt="7" custScaleX="116669">
        <dgm:presLayoutVars>
          <dgm:chMax val="0"/>
          <dgm:chPref val="0"/>
          <dgm:bulletEnabled val="1"/>
        </dgm:presLayoutVars>
      </dgm:prSet>
      <dgm:spPr/>
    </dgm:pt>
    <dgm:pt modelId="{D10B5EC0-3F03-4881-858D-51AE026B91CB}" type="pres">
      <dgm:prSet presAssocID="{E0B79C86-0C64-4CFC-A156-043458628F68}" presName="parTxOnlySpace" presStyleCnt="0"/>
      <dgm:spPr/>
    </dgm:pt>
    <dgm:pt modelId="{DFCEFC25-BE21-4321-9E48-C7992C3BAE47}" type="pres">
      <dgm:prSet presAssocID="{F6A057FE-13FF-405A-BB87-04E5CFBE5CE5}" presName="parTxOnly" presStyleLbl="node1" presStyleIdx="3" presStyleCnt="7" custScaleX="103749">
        <dgm:presLayoutVars>
          <dgm:chMax val="0"/>
          <dgm:chPref val="0"/>
          <dgm:bulletEnabled val="1"/>
        </dgm:presLayoutVars>
      </dgm:prSet>
      <dgm:spPr/>
    </dgm:pt>
    <dgm:pt modelId="{59FE84AD-9817-402F-BDD7-49514984A352}" type="pres">
      <dgm:prSet presAssocID="{FDB86B0D-4703-4628-9659-2061E1652C9A}" presName="parTxOnlySpace" presStyleCnt="0"/>
      <dgm:spPr/>
    </dgm:pt>
    <dgm:pt modelId="{0D6261E8-89C3-4804-B4BC-11AA600FD6AB}" type="pres">
      <dgm:prSet presAssocID="{BDAB7BC2-3E23-4AFD-ADF2-3D692632951D}" presName="parTxOnly" presStyleLbl="node1" presStyleIdx="4" presStyleCnt="7">
        <dgm:presLayoutVars>
          <dgm:chMax val="0"/>
          <dgm:chPref val="0"/>
          <dgm:bulletEnabled val="1"/>
        </dgm:presLayoutVars>
      </dgm:prSet>
      <dgm:spPr/>
    </dgm:pt>
    <dgm:pt modelId="{25047B40-78F7-4051-A2CB-7DEC0DFE7D60}" type="pres">
      <dgm:prSet presAssocID="{D48FA74B-38AF-4932-BA71-14CAE5A8640D}" presName="parTxOnlySpace" presStyleCnt="0"/>
      <dgm:spPr/>
    </dgm:pt>
    <dgm:pt modelId="{08F83FF3-6009-426B-BEF8-8A919ECEA232}" type="pres">
      <dgm:prSet presAssocID="{B385F034-99CE-4766-B676-A88230BBEE35}" presName="parTxOnly" presStyleLbl="node1" presStyleIdx="5" presStyleCnt="7" custScaleX="120321">
        <dgm:presLayoutVars>
          <dgm:chMax val="0"/>
          <dgm:chPref val="0"/>
          <dgm:bulletEnabled val="1"/>
        </dgm:presLayoutVars>
      </dgm:prSet>
      <dgm:spPr/>
    </dgm:pt>
    <dgm:pt modelId="{D3EF2239-1A47-40E1-BCD3-1F26BD8041BB}" type="pres">
      <dgm:prSet presAssocID="{E38E7EBB-E6F2-4271-8D38-2B57B3803B17}" presName="parTxOnlySpace" presStyleCnt="0"/>
      <dgm:spPr/>
    </dgm:pt>
    <dgm:pt modelId="{AD45AF0F-866B-46E1-AA4D-8FE03A6D40FD}" type="pres">
      <dgm:prSet presAssocID="{02EA4B10-3C80-4802-9EB0-10357FC87A2A}" presName="parTxOnly" presStyleLbl="node1" presStyleIdx="6" presStyleCnt="7">
        <dgm:presLayoutVars>
          <dgm:chMax val="0"/>
          <dgm:chPref val="0"/>
          <dgm:bulletEnabled val="1"/>
        </dgm:presLayoutVars>
      </dgm:prSet>
      <dgm:spPr/>
    </dgm:pt>
  </dgm:ptLst>
  <dgm:cxnLst>
    <dgm:cxn modelId="{6C0DA529-56F1-4165-A0D4-2E0B9DB0CCA1}" srcId="{1483FC0A-1D40-4E69-B23C-916C9D372EE5}" destId="{B385F034-99CE-4766-B676-A88230BBEE35}" srcOrd="5" destOrd="0" parTransId="{12F7AA23-F369-4C74-ADBA-C14B6FE41B5D}" sibTransId="{E38E7EBB-E6F2-4271-8D38-2B57B3803B17}"/>
    <dgm:cxn modelId="{65256279-DA1F-45BB-9701-2AB73BAF1231}" srcId="{1483FC0A-1D40-4E69-B23C-916C9D372EE5}" destId="{02EA4B10-3C80-4802-9EB0-10357FC87A2A}" srcOrd="6" destOrd="0" parTransId="{493610D5-1BA2-44B2-A484-5879E75C69A8}" sibTransId="{4F981688-268B-4291-A6C6-2840FAB3BCD3}"/>
    <dgm:cxn modelId="{2D62917A-8A4C-4C31-80A3-0C3DD46AA29F}" srcId="{1483FC0A-1D40-4E69-B23C-916C9D372EE5}" destId="{FD74E63B-2C2F-4A5F-861E-C7D784BF7DBC}" srcOrd="0" destOrd="0" parTransId="{D7C74173-CF8B-4037-9BC6-F4654558E1C3}" sibTransId="{625AC8B2-DF9F-49BC-B7A7-72F3A805672E}"/>
    <dgm:cxn modelId="{C18E407B-E3B4-4659-ACF2-2B7DFA5942A8}" type="presOf" srcId="{02EA4B10-3C80-4802-9EB0-10357FC87A2A}" destId="{AD45AF0F-866B-46E1-AA4D-8FE03A6D40FD}" srcOrd="0" destOrd="0" presId="urn:microsoft.com/office/officeart/2005/8/layout/chevron1"/>
    <dgm:cxn modelId="{4E62A27D-9795-4338-A772-058AB529CF10}" type="presOf" srcId="{FD74E63B-2C2F-4A5F-861E-C7D784BF7DBC}" destId="{0A855484-7217-4024-AF96-36685CC32D74}" srcOrd="0" destOrd="0" presId="urn:microsoft.com/office/officeart/2005/8/layout/chevron1"/>
    <dgm:cxn modelId="{43A8D37D-F36F-4A15-A837-25345E62F171}" type="presOf" srcId="{BDAB7BC2-3E23-4AFD-ADF2-3D692632951D}" destId="{0D6261E8-89C3-4804-B4BC-11AA600FD6AB}" srcOrd="0" destOrd="0" presId="urn:microsoft.com/office/officeart/2005/8/layout/chevron1"/>
    <dgm:cxn modelId="{FC498B8B-A3DC-4FF5-BE4B-175605AC8561}" type="presOf" srcId="{67AD352E-FC42-4630-BD0C-10501DE9399A}" destId="{876AA8B7-15C0-4FBC-B1B2-DCF543A33B53}" srcOrd="0" destOrd="0" presId="urn:microsoft.com/office/officeart/2005/8/layout/chevron1"/>
    <dgm:cxn modelId="{BA13E595-47AF-4558-8D4A-149322799802}" srcId="{1483FC0A-1D40-4E69-B23C-916C9D372EE5}" destId="{912210FC-2FD1-4B9D-9614-2D45EC32F41D}" srcOrd="2" destOrd="0" parTransId="{0C41C3F1-BAC0-45CD-A5FC-735D4BE7E134}" sibTransId="{E0B79C86-0C64-4CFC-A156-043458628F68}"/>
    <dgm:cxn modelId="{ADE0DBAE-5D95-4FC8-8F23-25077E3FB84A}" srcId="{1483FC0A-1D40-4E69-B23C-916C9D372EE5}" destId="{BDAB7BC2-3E23-4AFD-ADF2-3D692632951D}" srcOrd="4" destOrd="0" parTransId="{C5B27E6E-391E-4AC6-A4F1-7374472DA868}" sibTransId="{D48FA74B-38AF-4932-BA71-14CAE5A8640D}"/>
    <dgm:cxn modelId="{D338C4AF-532F-4F59-B7CC-E2C32DE000DF}" srcId="{1483FC0A-1D40-4E69-B23C-916C9D372EE5}" destId="{67AD352E-FC42-4630-BD0C-10501DE9399A}" srcOrd="1" destOrd="0" parTransId="{4B61845A-EA46-4BA2-829D-BDE58C0697EF}" sibTransId="{8941F1E0-5CB1-4DE2-BC0A-EEE9ECBD1C9A}"/>
    <dgm:cxn modelId="{23B5D8C5-004B-4B92-ACAE-A53985D6BBA1}" type="presOf" srcId="{B385F034-99CE-4766-B676-A88230BBEE35}" destId="{08F83FF3-6009-426B-BEF8-8A919ECEA232}" srcOrd="0" destOrd="0" presId="urn:microsoft.com/office/officeart/2005/8/layout/chevron1"/>
    <dgm:cxn modelId="{23FAD9CA-0394-4A9E-A757-D0C46BB0A0F7}" type="presOf" srcId="{912210FC-2FD1-4B9D-9614-2D45EC32F41D}" destId="{E3B4BB8B-ED65-48C7-934F-E4AAE564E9C1}" srcOrd="0" destOrd="0" presId="urn:microsoft.com/office/officeart/2005/8/layout/chevron1"/>
    <dgm:cxn modelId="{2C43DCD3-86F7-429D-92F0-42A88BA035DD}" srcId="{1483FC0A-1D40-4E69-B23C-916C9D372EE5}" destId="{F6A057FE-13FF-405A-BB87-04E5CFBE5CE5}" srcOrd="3" destOrd="0" parTransId="{D0510981-B175-439D-B2AE-1EDE32472F1F}" sibTransId="{FDB86B0D-4703-4628-9659-2061E1652C9A}"/>
    <dgm:cxn modelId="{78BA97EA-3B5D-4158-8E30-AAA9B3B11039}" type="presOf" srcId="{1483FC0A-1D40-4E69-B23C-916C9D372EE5}" destId="{F844E3CB-1545-4427-AD79-FD5C193E113B}" srcOrd="0" destOrd="0" presId="urn:microsoft.com/office/officeart/2005/8/layout/chevron1"/>
    <dgm:cxn modelId="{89C8BDF7-2E1E-4AC9-BC4F-B8EC56DEAB1D}" type="presOf" srcId="{F6A057FE-13FF-405A-BB87-04E5CFBE5CE5}" destId="{DFCEFC25-BE21-4321-9E48-C7992C3BAE47}" srcOrd="0" destOrd="0" presId="urn:microsoft.com/office/officeart/2005/8/layout/chevron1"/>
    <dgm:cxn modelId="{F901DC65-EBF9-4ED8-BD1C-8D7A12E6415D}" type="presParOf" srcId="{F844E3CB-1545-4427-AD79-FD5C193E113B}" destId="{0A855484-7217-4024-AF96-36685CC32D74}" srcOrd="0" destOrd="0" presId="urn:microsoft.com/office/officeart/2005/8/layout/chevron1"/>
    <dgm:cxn modelId="{15D7521C-8242-4525-A2C8-4B72E4D51A54}" type="presParOf" srcId="{F844E3CB-1545-4427-AD79-FD5C193E113B}" destId="{9BEC734F-CBC3-4367-954F-A0822D8FDE36}" srcOrd="1" destOrd="0" presId="urn:microsoft.com/office/officeart/2005/8/layout/chevron1"/>
    <dgm:cxn modelId="{375E9A9A-AC04-4A6C-B8F0-A96C1C8743C7}" type="presParOf" srcId="{F844E3CB-1545-4427-AD79-FD5C193E113B}" destId="{876AA8B7-15C0-4FBC-B1B2-DCF543A33B53}" srcOrd="2" destOrd="0" presId="urn:microsoft.com/office/officeart/2005/8/layout/chevron1"/>
    <dgm:cxn modelId="{7484920F-4DD5-4CD7-ABBD-4AD9C8724369}" type="presParOf" srcId="{F844E3CB-1545-4427-AD79-FD5C193E113B}" destId="{1635FF59-9327-448E-A34A-63A422FD8073}" srcOrd="3" destOrd="0" presId="urn:microsoft.com/office/officeart/2005/8/layout/chevron1"/>
    <dgm:cxn modelId="{0F3E251E-0B9C-4AE6-ADCA-73DD18606421}" type="presParOf" srcId="{F844E3CB-1545-4427-AD79-FD5C193E113B}" destId="{E3B4BB8B-ED65-48C7-934F-E4AAE564E9C1}" srcOrd="4" destOrd="0" presId="urn:microsoft.com/office/officeart/2005/8/layout/chevron1"/>
    <dgm:cxn modelId="{ED0EEB8A-1E7B-47D8-BB0D-AB497CBAFDA1}" type="presParOf" srcId="{F844E3CB-1545-4427-AD79-FD5C193E113B}" destId="{D10B5EC0-3F03-4881-858D-51AE026B91CB}" srcOrd="5" destOrd="0" presId="urn:microsoft.com/office/officeart/2005/8/layout/chevron1"/>
    <dgm:cxn modelId="{CAD6DFC9-8E86-48E9-9ED7-93CBDC2FB5C9}" type="presParOf" srcId="{F844E3CB-1545-4427-AD79-FD5C193E113B}" destId="{DFCEFC25-BE21-4321-9E48-C7992C3BAE47}" srcOrd="6" destOrd="0" presId="urn:microsoft.com/office/officeart/2005/8/layout/chevron1"/>
    <dgm:cxn modelId="{8AADBDFF-C72E-4B19-997D-037ACA9E110C}" type="presParOf" srcId="{F844E3CB-1545-4427-AD79-FD5C193E113B}" destId="{59FE84AD-9817-402F-BDD7-49514984A352}" srcOrd="7" destOrd="0" presId="urn:microsoft.com/office/officeart/2005/8/layout/chevron1"/>
    <dgm:cxn modelId="{146C459C-CEB4-4028-BBD2-790C6B415CAD}" type="presParOf" srcId="{F844E3CB-1545-4427-AD79-FD5C193E113B}" destId="{0D6261E8-89C3-4804-B4BC-11AA600FD6AB}" srcOrd="8" destOrd="0" presId="urn:microsoft.com/office/officeart/2005/8/layout/chevron1"/>
    <dgm:cxn modelId="{93852AC4-71C8-4E1F-9728-FE89C8394BCE}" type="presParOf" srcId="{F844E3CB-1545-4427-AD79-FD5C193E113B}" destId="{25047B40-78F7-4051-A2CB-7DEC0DFE7D60}" srcOrd="9" destOrd="0" presId="urn:microsoft.com/office/officeart/2005/8/layout/chevron1"/>
    <dgm:cxn modelId="{412065F6-3E8C-480C-9193-66446D0FBD6F}" type="presParOf" srcId="{F844E3CB-1545-4427-AD79-FD5C193E113B}" destId="{08F83FF3-6009-426B-BEF8-8A919ECEA232}" srcOrd="10" destOrd="0" presId="urn:microsoft.com/office/officeart/2005/8/layout/chevron1"/>
    <dgm:cxn modelId="{BB210D73-6608-48BC-9A5D-10AD5BF7E6B0}" type="presParOf" srcId="{F844E3CB-1545-4427-AD79-FD5C193E113B}" destId="{D3EF2239-1A47-40E1-BCD3-1F26BD8041BB}" srcOrd="11" destOrd="0" presId="urn:microsoft.com/office/officeart/2005/8/layout/chevron1"/>
    <dgm:cxn modelId="{A3650A73-23A6-43A4-B64F-2E99D70235F1}" type="presParOf" srcId="{F844E3CB-1545-4427-AD79-FD5C193E113B}" destId="{AD45AF0F-866B-46E1-AA4D-8FE03A6D40FD}" srcOrd="12" destOrd="0" presId="urn:microsoft.com/office/officeart/2005/8/layout/chevron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A855484-7217-4024-AF96-36685CC32D74}">
      <dsp:nvSpPr>
        <dsp:cNvPr id="0" name=""/>
        <dsp:cNvSpPr/>
      </dsp:nvSpPr>
      <dsp:spPr>
        <a:xfrm>
          <a:off x="7082" y="2122143"/>
          <a:ext cx="1788914" cy="715565"/>
        </a:xfrm>
        <a:prstGeom prst="chevron">
          <a:avLst/>
        </a:prstGeom>
        <a:solidFill>
          <a:schemeClr val="accent1">
            <a:shade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26670" rIns="26670" bIns="26670" numCol="1" spcCol="1270" anchor="ctr" anchorCtr="0">
          <a:noAutofit/>
        </a:bodyPr>
        <a:lstStyle/>
        <a:p>
          <a:pPr marL="0" lvl="0" indent="0" algn="ctr" defTabSz="889000">
            <a:lnSpc>
              <a:spcPct val="90000"/>
            </a:lnSpc>
            <a:spcBef>
              <a:spcPct val="0"/>
            </a:spcBef>
            <a:spcAft>
              <a:spcPct val="35000"/>
            </a:spcAft>
            <a:buNone/>
          </a:pPr>
          <a:r>
            <a:rPr lang="en-GB" sz="2000" kern="1200" dirty="0"/>
            <a:t>Root causes</a:t>
          </a:r>
        </a:p>
      </dsp:txBody>
      <dsp:txXfrm>
        <a:off x="364865" y="2122143"/>
        <a:ext cx="1073349" cy="715565"/>
      </dsp:txXfrm>
    </dsp:sp>
    <dsp:sp modelId="{876AA8B7-15C0-4FBC-B1B2-DCF543A33B53}">
      <dsp:nvSpPr>
        <dsp:cNvPr id="0" name=""/>
        <dsp:cNvSpPr/>
      </dsp:nvSpPr>
      <dsp:spPr>
        <a:xfrm>
          <a:off x="1617104" y="2122143"/>
          <a:ext cx="1788914" cy="715565"/>
        </a:xfrm>
        <a:prstGeom prst="chevron">
          <a:avLst/>
        </a:prstGeom>
        <a:solidFill>
          <a:schemeClr val="accent1">
            <a:shade val="50000"/>
            <a:hueOff val="38096"/>
            <a:satOff val="-2865"/>
            <a:lumOff val="1311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26670" rIns="26670" bIns="26670" numCol="1" spcCol="1270" anchor="ctr" anchorCtr="0">
          <a:noAutofit/>
        </a:bodyPr>
        <a:lstStyle/>
        <a:p>
          <a:pPr marL="0" lvl="0" indent="0" algn="ctr" defTabSz="889000">
            <a:lnSpc>
              <a:spcPct val="90000"/>
            </a:lnSpc>
            <a:spcBef>
              <a:spcPct val="0"/>
            </a:spcBef>
            <a:spcAft>
              <a:spcPct val="35000"/>
            </a:spcAft>
            <a:buNone/>
          </a:pPr>
          <a:r>
            <a:rPr lang="en-GB" sz="2000" kern="1200" dirty="0"/>
            <a:t>Problem</a:t>
          </a:r>
        </a:p>
      </dsp:txBody>
      <dsp:txXfrm>
        <a:off x="1974887" y="2122143"/>
        <a:ext cx="1073349" cy="715565"/>
      </dsp:txXfrm>
    </dsp:sp>
    <dsp:sp modelId="{E3B4BB8B-ED65-48C7-934F-E4AAE564E9C1}">
      <dsp:nvSpPr>
        <dsp:cNvPr id="0" name=""/>
        <dsp:cNvSpPr/>
      </dsp:nvSpPr>
      <dsp:spPr>
        <a:xfrm>
          <a:off x="3227127" y="2122143"/>
          <a:ext cx="2087108" cy="715565"/>
        </a:xfrm>
        <a:prstGeom prst="chevron">
          <a:avLst/>
        </a:prstGeom>
        <a:solidFill>
          <a:schemeClr val="accent1">
            <a:shade val="50000"/>
            <a:hueOff val="76192"/>
            <a:satOff val="-5730"/>
            <a:lumOff val="26225"/>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26670" rIns="26670" bIns="26670" numCol="1" spcCol="1270" anchor="ctr" anchorCtr="0">
          <a:noAutofit/>
        </a:bodyPr>
        <a:lstStyle/>
        <a:p>
          <a:pPr marL="0" lvl="0" indent="0" algn="ctr" defTabSz="889000">
            <a:lnSpc>
              <a:spcPct val="90000"/>
            </a:lnSpc>
            <a:spcBef>
              <a:spcPct val="0"/>
            </a:spcBef>
            <a:spcAft>
              <a:spcPct val="35000"/>
            </a:spcAft>
            <a:buNone/>
          </a:pPr>
          <a:r>
            <a:rPr lang="en-GB" sz="2000" kern="1200" dirty="0"/>
            <a:t>Resources (inputs)	</a:t>
          </a:r>
        </a:p>
      </dsp:txBody>
      <dsp:txXfrm>
        <a:off x="3584910" y="2122143"/>
        <a:ext cx="1371543" cy="715565"/>
      </dsp:txXfrm>
    </dsp:sp>
    <dsp:sp modelId="{DFCEFC25-BE21-4321-9E48-C7992C3BAE47}">
      <dsp:nvSpPr>
        <dsp:cNvPr id="0" name=""/>
        <dsp:cNvSpPr/>
      </dsp:nvSpPr>
      <dsp:spPr>
        <a:xfrm>
          <a:off x="5135344" y="2122143"/>
          <a:ext cx="1855980" cy="715565"/>
        </a:xfrm>
        <a:prstGeom prst="chevron">
          <a:avLst/>
        </a:prstGeom>
        <a:solidFill>
          <a:schemeClr val="accent1">
            <a:shade val="50000"/>
            <a:hueOff val="114288"/>
            <a:satOff val="-8595"/>
            <a:lumOff val="39338"/>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26670" rIns="26670" bIns="26670" numCol="1" spcCol="1270" anchor="ctr" anchorCtr="0">
          <a:noAutofit/>
        </a:bodyPr>
        <a:lstStyle/>
        <a:p>
          <a:pPr marL="0" lvl="0" indent="0" algn="ctr" defTabSz="889000">
            <a:lnSpc>
              <a:spcPct val="90000"/>
            </a:lnSpc>
            <a:spcBef>
              <a:spcPct val="0"/>
            </a:spcBef>
            <a:spcAft>
              <a:spcPct val="35000"/>
            </a:spcAft>
            <a:buNone/>
          </a:pPr>
          <a:r>
            <a:rPr lang="en-GB" sz="2000" kern="1200" dirty="0"/>
            <a:t>Activities</a:t>
          </a:r>
        </a:p>
      </dsp:txBody>
      <dsp:txXfrm>
        <a:off x="5493127" y="2122143"/>
        <a:ext cx="1140415" cy="715565"/>
      </dsp:txXfrm>
    </dsp:sp>
    <dsp:sp modelId="{0D6261E8-89C3-4804-B4BC-11AA600FD6AB}">
      <dsp:nvSpPr>
        <dsp:cNvPr id="0" name=""/>
        <dsp:cNvSpPr/>
      </dsp:nvSpPr>
      <dsp:spPr>
        <a:xfrm>
          <a:off x="6812433" y="2122143"/>
          <a:ext cx="1788914" cy="715565"/>
        </a:xfrm>
        <a:prstGeom prst="chevron">
          <a:avLst/>
        </a:prstGeom>
        <a:solidFill>
          <a:schemeClr val="accent1">
            <a:shade val="50000"/>
            <a:hueOff val="114288"/>
            <a:satOff val="-8595"/>
            <a:lumOff val="39338"/>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26670" rIns="26670" bIns="26670" numCol="1" spcCol="1270" anchor="ctr" anchorCtr="0">
          <a:noAutofit/>
        </a:bodyPr>
        <a:lstStyle/>
        <a:p>
          <a:pPr marL="0" lvl="0" indent="0" algn="ctr" defTabSz="889000">
            <a:lnSpc>
              <a:spcPct val="90000"/>
            </a:lnSpc>
            <a:spcBef>
              <a:spcPct val="0"/>
            </a:spcBef>
            <a:spcAft>
              <a:spcPct val="35000"/>
            </a:spcAft>
            <a:buNone/>
          </a:pPr>
          <a:r>
            <a:rPr lang="en-GB" sz="2000" kern="1200" dirty="0"/>
            <a:t>Outputs</a:t>
          </a:r>
        </a:p>
      </dsp:txBody>
      <dsp:txXfrm>
        <a:off x="7170216" y="2122143"/>
        <a:ext cx="1073349" cy="715565"/>
      </dsp:txXfrm>
    </dsp:sp>
    <dsp:sp modelId="{08F83FF3-6009-426B-BEF8-8A919ECEA232}">
      <dsp:nvSpPr>
        <dsp:cNvPr id="0" name=""/>
        <dsp:cNvSpPr/>
      </dsp:nvSpPr>
      <dsp:spPr>
        <a:xfrm>
          <a:off x="8422455" y="2122143"/>
          <a:ext cx="2152439" cy="715565"/>
        </a:xfrm>
        <a:prstGeom prst="chevron">
          <a:avLst/>
        </a:prstGeom>
        <a:solidFill>
          <a:schemeClr val="accent1">
            <a:shade val="50000"/>
            <a:hueOff val="76192"/>
            <a:satOff val="-5730"/>
            <a:lumOff val="26225"/>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26670" rIns="26670" bIns="26670" numCol="1" spcCol="1270" anchor="ctr" anchorCtr="0">
          <a:noAutofit/>
        </a:bodyPr>
        <a:lstStyle/>
        <a:p>
          <a:pPr marL="0" lvl="0" indent="0" algn="ctr" defTabSz="889000">
            <a:lnSpc>
              <a:spcPct val="90000"/>
            </a:lnSpc>
            <a:spcBef>
              <a:spcPct val="0"/>
            </a:spcBef>
            <a:spcAft>
              <a:spcPct val="35000"/>
            </a:spcAft>
            <a:buNone/>
          </a:pPr>
          <a:r>
            <a:rPr lang="en-GB" sz="2000" kern="1200" dirty="0"/>
            <a:t>Outcomes</a:t>
          </a:r>
        </a:p>
      </dsp:txBody>
      <dsp:txXfrm>
        <a:off x="8780238" y="2122143"/>
        <a:ext cx="1436874" cy="715565"/>
      </dsp:txXfrm>
    </dsp:sp>
    <dsp:sp modelId="{AD45AF0F-866B-46E1-AA4D-8FE03A6D40FD}">
      <dsp:nvSpPr>
        <dsp:cNvPr id="0" name=""/>
        <dsp:cNvSpPr/>
      </dsp:nvSpPr>
      <dsp:spPr>
        <a:xfrm>
          <a:off x="10396003" y="2122143"/>
          <a:ext cx="1788914" cy="715565"/>
        </a:xfrm>
        <a:prstGeom prst="chevron">
          <a:avLst/>
        </a:prstGeom>
        <a:solidFill>
          <a:schemeClr val="accent1">
            <a:shade val="50000"/>
            <a:hueOff val="38096"/>
            <a:satOff val="-2865"/>
            <a:lumOff val="1311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26670" rIns="26670" bIns="26670" numCol="1" spcCol="1270" anchor="ctr" anchorCtr="0">
          <a:noAutofit/>
        </a:bodyPr>
        <a:lstStyle/>
        <a:p>
          <a:pPr marL="0" lvl="0" indent="0" algn="ctr" defTabSz="889000">
            <a:lnSpc>
              <a:spcPct val="90000"/>
            </a:lnSpc>
            <a:spcBef>
              <a:spcPct val="0"/>
            </a:spcBef>
            <a:spcAft>
              <a:spcPct val="35000"/>
            </a:spcAft>
            <a:buNone/>
          </a:pPr>
          <a:r>
            <a:rPr lang="en-GB" sz="2000" kern="1200" dirty="0"/>
            <a:t>Impacts</a:t>
          </a:r>
        </a:p>
      </dsp:txBody>
      <dsp:txXfrm>
        <a:off x="10753786" y="2122143"/>
        <a:ext cx="1073349" cy="715565"/>
      </dsp:txXfrm>
    </dsp:sp>
  </dsp:spTree>
</dsp:drawing>
</file>

<file path=ppt/diagrams/layout1.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7/09/2025</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7/09/2025</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3" Type="http://schemas.openxmlformats.org/officeDocument/2006/relationships/hyperlink" Target="https://datadrivenlab.org/urban/issue-profiles/climate-change/" TargetMode="External"/><Relationship Id="rId2" Type="http://schemas.openxmlformats.org/officeDocument/2006/relationships/slide" Target="../slides/slide12.xml"/><Relationship Id="rId1" Type="http://schemas.openxmlformats.org/officeDocument/2006/relationships/notesMaster" Target="../notesMasters/notesMaster1.xml"/><Relationship Id="rId4" Type="http://schemas.openxmlformats.org/officeDocument/2006/relationships/hyperlink" Target="https://www.c40.org/networks/cool-cities-network/" TargetMode="Externa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3" Type="http://schemas.openxmlformats.org/officeDocument/2006/relationships/hyperlink" Target="https://x.com/CLondoner92/status/1804165031187091760" TargetMode="External"/><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A bit about me and what I do</a:t>
            </a:r>
          </a:p>
        </p:txBody>
      </p:sp>
      <p:sp>
        <p:nvSpPr>
          <p:cNvPr id="4" name="Slide Number Placeholder 3"/>
          <p:cNvSpPr>
            <a:spLocks noGrp="1"/>
          </p:cNvSpPr>
          <p:nvPr>
            <p:ph type="sldNum" sz="quarter" idx="5"/>
          </p:nvPr>
        </p:nvSpPr>
        <p:spPr/>
        <p:txBody>
          <a:bodyPr/>
          <a:lstStyle/>
          <a:p>
            <a:fld id="{18E745C1-A773-4D9E-8475-6026C7DD6504}" type="slidenum">
              <a:rPr lang="en-AU" smtClean="0"/>
              <a:t>2</a:t>
            </a:fld>
            <a:endParaRPr lang="en-AU"/>
          </a:p>
        </p:txBody>
      </p:sp>
    </p:spTree>
    <p:extLst>
      <p:ext uri="{BB962C8B-B14F-4D97-AF65-F5344CB8AC3E}">
        <p14:creationId xmlns:p14="http://schemas.microsoft.com/office/powerpoint/2010/main" val="318062323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Stories </a:t>
            </a:r>
          </a:p>
        </p:txBody>
      </p:sp>
      <p:sp>
        <p:nvSpPr>
          <p:cNvPr id="4" name="Slide Number Placeholder 3"/>
          <p:cNvSpPr>
            <a:spLocks noGrp="1"/>
          </p:cNvSpPr>
          <p:nvPr>
            <p:ph type="sldNum" sz="quarter" idx="5"/>
          </p:nvPr>
        </p:nvSpPr>
        <p:spPr/>
        <p:txBody>
          <a:bodyPr/>
          <a:lstStyle/>
          <a:p>
            <a:fld id="{18E745C1-A773-4D9E-8475-6026C7DD6504}" type="slidenum">
              <a:rPr lang="en-AU" smtClean="0"/>
              <a:t>25</a:t>
            </a:fld>
            <a:endParaRPr lang="en-AU"/>
          </a:p>
        </p:txBody>
      </p:sp>
    </p:spTree>
    <p:extLst>
      <p:ext uri="{BB962C8B-B14F-4D97-AF65-F5344CB8AC3E}">
        <p14:creationId xmlns:p14="http://schemas.microsoft.com/office/powerpoint/2010/main" val="362098153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s-ES" dirty="0" err="1"/>
              <a:t>Discuss</a:t>
            </a:r>
            <a:r>
              <a:rPr lang="es-ES" dirty="0"/>
              <a:t> </a:t>
            </a:r>
            <a:r>
              <a:rPr lang="es-ES" dirty="0" err="1"/>
              <a:t>baseline</a:t>
            </a:r>
            <a:r>
              <a:rPr lang="es-ES" dirty="0"/>
              <a:t>.  </a:t>
            </a:r>
          </a:p>
        </p:txBody>
      </p:sp>
      <p:sp>
        <p:nvSpPr>
          <p:cNvPr id="4" name="Slide Number Placeholder 3"/>
          <p:cNvSpPr>
            <a:spLocks noGrp="1"/>
          </p:cNvSpPr>
          <p:nvPr>
            <p:ph type="sldNum" sz="quarter" idx="5"/>
          </p:nvPr>
        </p:nvSpPr>
        <p:spPr/>
        <p:txBody>
          <a:bodyPr/>
          <a:lstStyle/>
          <a:p>
            <a:fld id="{7038A99A-104F-4F69-A525-A747E2BC1D36}" type="slidenum">
              <a:rPr lang="es-ES" smtClean="0"/>
              <a:t>4</a:t>
            </a:fld>
            <a:endParaRPr lang="es-ES"/>
          </a:p>
        </p:txBody>
      </p:sp>
    </p:spTree>
    <p:extLst>
      <p:ext uri="{BB962C8B-B14F-4D97-AF65-F5344CB8AC3E}">
        <p14:creationId xmlns:p14="http://schemas.microsoft.com/office/powerpoint/2010/main" val="383260143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9</a:t>
            </a:fld>
            <a:endParaRPr lang="en-AU"/>
          </a:p>
        </p:txBody>
      </p:sp>
    </p:spTree>
    <p:extLst>
      <p:ext uri="{BB962C8B-B14F-4D97-AF65-F5344CB8AC3E}">
        <p14:creationId xmlns:p14="http://schemas.microsoft.com/office/powerpoint/2010/main" val="87776347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122"/>
        <p:cNvGrpSpPr/>
        <p:nvPr/>
      </p:nvGrpSpPr>
      <p:grpSpPr>
        <a:xfrm>
          <a:off x="0" y="0"/>
          <a:ext cx="0" cy="0"/>
          <a:chOff x="0" y="0"/>
          <a:chExt cx="0" cy="0"/>
        </a:xfrm>
      </p:grpSpPr>
      <p:sp>
        <p:nvSpPr>
          <p:cNvPr id="123" name="Google Shape;123;ge6465982b3_0_72:notes"/>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124" name="Google Shape;124;ge6465982b3_0_72:notes"/>
          <p:cNvSpPr txBox="1">
            <a:spLocks noGrp="1"/>
          </p:cNvSpPr>
          <p:nvPr>
            <p:ph type="body" idx="1"/>
          </p:nvPr>
        </p:nvSpPr>
        <p:spPr>
          <a:xfrm>
            <a:off x="685800" y="4343400"/>
            <a:ext cx="5486400" cy="4114800"/>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r>
              <a:rPr lang="en-GB"/>
              <a:t>UHI intensity measures the annual mean difference in daytime and nighttime surface temperatures between urban land cover and non-urban land cover within the city, in degrees Celsius (°C) for 2016.</a:t>
            </a:r>
            <a:endParaRPr/>
          </a:p>
          <a:p>
            <a:pPr marL="0" lvl="0" indent="0" algn="l" rtl="0">
              <a:spcBef>
                <a:spcPts val="0"/>
              </a:spcBef>
              <a:spcAft>
                <a:spcPts val="0"/>
              </a:spcAft>
              <a:buNone/>
            </a:pPr>
            <a:r>
              <a:rPr lang="en-GB" u="sng">
                <a:solidFill>
                  <a:schemeClr val="hlink"/>
                </a:solidFill>
                <a:hlinkClick r:id="rId3"/>
              </a:rPr>
              <a:t>https://datadrivenlab.org/urban/issue-profiles/climate-change/</a:t>
            </a:r>
            <a:endParaRPr lang="en-GB" u="sng">
              <a:solidFill>
                <a:schemeClr val="hlink"/>
              </a:solidFill>
            </a:endParaRPr>
          </a:p>
          <a:p>
            <a:pPr marL="0" lvl="0" indent="0" algn="l" rtl="0">
              <a:spcBef>
                <a:spcPts val="0"/>
              </a:spcBef>
              <a:spcAft>
                <a:spcPts val="0"/>
              </a:spcAft>
              <a:buNone/>
            </a:pPr>
            <a:endParaRPr lang="en-GB" u="sng">
              <a:solidFill>
                <a:schemeClr val="hlink"/>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a:solidFill>
                  <a:srgbClr val="1F1F1F"/>
                </a:solidFill>
                <a:effectLst/>
                <a:latin typeface="Georgia" panose="02040502050405020303" pitchFamily="18" charset="0"/>
                <a:ea typeface="Times New Roman" panose="02020603050405020304" pitchFamily="18" charset="0"/>
                <a:cs typeface="Arial" panose="020B0604020202020204" pitchFamily="34" charset="0"/>
              </a:rPr>
              <a:t>The </a:t>
            </a:r>
            <a:r>
              <a:rPr lang="en-GB" sz="1800" b="1">
                <a:solidFill>
                  <a:srgbClr val="1F1F1F"/>
                </a:solidFill>
                <a:effectLst/>
                <a:latin typeface="Georgia" panose="02040502050405020303" pitchFamily="18" charset="0"/>
                <a:ea typeface="Times New Roman" panose="02020603050405020304" pitchFamily="18" charset="0"/>
                <a:cs typeface="Arial" panose="020B0604020202020204" pitchFamily="34" charset="0"/>
              </a:rPr>
              <a:t>UHI phenomenon</a:t>
            </a:r>
            <a:r>
              <a:rPr lang="en-GB" sz="1800">
                <a:solidFill>
                  <a:srgbClr val="1F1F1F"/>
                </a:solidFill>
                <a:effectLst/>
                <a:latin typeface="Georgia" panose="02040502050405020303" pitchFamily="18" charset="0"/>
                <a:ea typeface="Times New Roman" panose="02020603050405020304" pitchFamily="18" charset="0"/>
                <a:cs typeface="Arial" panose="020B0604020202020204" pitchFamily="34" charset="0"/>
              </a:rPr>
              <a:t> which indicates higher temperatures in cities than their surrounding rural/suburban areas is a crucial problem [8]. </a:t>
            </a:r>
            <a:r>
              <a:rPr lang="en-GB" sz="1800" b="0" i="1" u="none" strike="noStrike">
                <a:solidFill>
                  <a:srgbClr val="7F7F7F"/>
                </a:solidFill>
                <a:effectLst/>
                <a:latin typeface="Times New Roman" panose="02020603050405020304" pitchFamily="18" charset="0"/>
              </a:rPr>
              <a:t>“The Urban Heat Island (UHI) effect describes the warmer temperatures urban areas experience compared to their rural surroundings”</a:t>
            </a:r>
            <a:endParaRPr lang="en-GB" sz="1800">
              <a:solidFill>
                <a:srgbClr val="1F1F1F"/>
              </a:solidFill>
              <a:effectLst/>
              <a:latin typeface="Georgia" panose="02040502050405020303" pitchFamily="18" charset="0"/>
              <a:ea typeface="Times New Roman" panose="02020603050405020304" pitchFamily="18"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a:solidFill>
                <a:srgbClr val="1F1F1F"/>
              </a:solidFill>
              <a:effectLst/>
              <a:latin typeface="Georgia" panose="02040502050405020303" pitchFamily="18" charset="0"/>
              <a:ea typeface="Times New Roman" panose="02020603050405020304" pitchFamily="18"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a:solidFill>
                  <a:srgbClr val="1F1F1F"/>
                </a:solidFill>
                <a:effectLst/>
                <a:latin typeface="Georgia" panose="02040502050405020303" pitchFamily="18" charset="0"/>
                <a:ea typeface="Times New Roman" panose="02020603050405020304" pitchFamily="18" charset="0"/>
                <a:cs typeface="Arial" panose="020B0604020202020204" pitchFamily="34" charset="0"/>
              </a:rPr>
              <a:t>It is projected that UHI effects will be aggravated in the coming decades, along with urbanization, especially in Asian and African cities [10]. The </a:t>
            </a:r>
            <a:r>
              <a:rPr lang="en-GB" sz="1800" b="1">
                <a:solidFill>
                  <a:srgbClr val="1F1F1F"/>
                </a:solidFill>
                <a:effectLst/>
                <a:latin typeface="Georgia" panose="02040502050405020303" pitchFamily="18" charset="0"/>
                <a:ea typeface="Times New Roman" panose="02020603050405020304" pitchFamily="18" charset="0"/>
                <a:cs typeface="Arial" panose="020B0604020202020204" pitchFamily="34" charset="0"/>
              </a:rPr>
              <a:t>HWs and UHIs </a:t>
            </a:r>
            <a:r>
              <a:rPr lang="en-GB" sz="1800">
                <a:solidFill>
                  <a:srgbClr val="1F1F1F"/>
                </a:solidFill>
                <a:effectLst/>
                <a:latin typeface="Georgia" panose="02040502050405020303" pitchFamily="18" charset="0"/>
                <a:ea typeface="Times New Roman" panose="02020603050405020304" pitchFamily="18" charset="0"/>
                <a:cs typeface="Arial" panose="020B0604020202020204" pitchFamily="34" charset="0"/>
              </a:rPr>
              <a:t>can potentially interact, and under most situations threats to human societies are magnified [1].</a:t>
            </a:r>
            <a:endParaRPr lang="en-GB" sz="1800">
              <a:effectLst/>
              <a:latin typeface="Times New Roman" panose="02020603050405020304" pitchFamily="18" charset="0"/>
              <a:ea typeface="Times New Roman" panose="02020603050405020304" pitchFamily="18" charset="0"/>
              <a:cs typeface="Times New Roman" panose="02020603050405020304" pitchFamily="18" charset="0"/>
            </a:endParaRPr>
          </a:p>
          <a:p>
            <a:pPr marL="0" lvl="0" indent="0" algn="l" rtl="0">
              <a:spcBef>
                <a:spcPts val="0"/>
              </a:spcBef>
              <a:spcAft>
                <a:spcPts val="0"/>
              </a:spcAft>
              <a:buNone/>
            </a:pPr>
            <a:endParaRPr/>
          </a:p>
          <a:p>
            <a:pPr algn="l"/>
            <a:r>
              <a:rPr lang="en-GB" b="0" i="0">
                <a:solidFill>
                  <a:srgbClr val="333333"/>
                </a:solidFill>
                <a:effectLst/>
                <a:latin typeface="Times New Roman" panose="02020603050405020304" pitchFamily="18" charset="0"/>
              </a:rPr>
              <a:t>Did you know?</a:t>
            </a:r>
          </a:p>
          <a:p>
            <a:pPr algn="l" rtl="0" fontAlgn="base">
              <a:buFont typeface="Arial" panose="020B0604020202020204" pitchFamily="34" charset="0"/>
              <a:buChar char="•"/>
            </a:pPr>
            <a:r>
              <a:rPr lang="en-GB" sz="1200" b="0" i="0">
                <a:solidFill>
                  <a:srgbClr val="000000"/>
                </a:solidFill>
                <a:effectLst/>
                <a:latin typeface="Times New Roman" panose="02020603050405020304" pitchFamily="18" charset="0"/>
              </a:rPr>
              <a:t>The number of cities exposed to temperatures of 35 degrees C and above is expected to triple by 2050 (</a:t>
            </a:r>
            <a:r>
              <a:rPr lang="en-GB" sz="1200" b="0" i="0" u="sng" strike="noStrike">
                <a:solidFill>
                  <a:srgbClr val="000000"/>
                </a:solidFill>
                <a:effectLst/>
                <a:latin typeface="Times New Roman" panose="02020603050405020304" pitchFamily="18" charset="0"/>
                <a:hlinkClick r:id="rId4"/>
              </a:rPr>
              <a:t>Source: C40</a:t>
            </a:r>
            <a:r>
              <a:rPr lang="en-GB" sz="1200" b="0" i="0">
                <a:solidFill>
                  <a:srgbClr val="000000"/>
                </a:solidFill>
                <a:effectLst/>
                <a:latin typeface="Times New Roman" panose="02020603050405020304" pitchFamily="18" charset="0"/>
              </a:rPr>
              <a:t>).  </a:t>
            </a:r>
          </a:p>
          <a:p>
            <a:pPr algn="l">
              <a:buFont typeface="Arial" panose="020B0604020202020204" pitchFamily="34" charset="0"/>
              <a:buChar char="•"/>
            </a:pPr>
            <a:endParaRPr lang="en-GB" b="1" i="0">
              <a:solidFill>
                <a:srgbClr val="333333"/>
              </a:solidFill>
              <a:effectLst/>
              <a:latin typeface="Times New Roman" panose="02020603050405020304" pitchFamily="18" charset="0"/>
            </a:endParaRPr>
          </a:p>
          <a:p>
            <a:pPr marL="0" lvl="0" indent="0" algn="l" rtl="0">
              <a:spcBef>
                <a:spcPts val="0"/>
              </a:spcBef>
              <a:spcAft>
                <a:spcPts val="0"/>
              </a:spcAft>
              <a:buNone/>
            </a:pPr>
            <a:endParaRPr/>
          </a:p>
        </p:txBody>
      </p:sp>
    </p:spTree>
    <p:extLst>
      <p:ext uri="{BB962C8B-B14F-4D97-AF65-F5344CB8AC3E}">
        <p14:creationId xmlns:p14="http://schemas.microsoft.com/office/powerpoint/2010/main" val="279965744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Or diverge, then converge</a:t>
            </a:r>
          </a:p>
          <a:p>
            <a:endParaRPr lang="en-GB" dirty="0"/>
          </a:p>
          <a:p>
            <a:r>
              <a:rPr lang="en-GB" dirty="0"/>
              <a:t>We are looking for solutions, but first we are looking for understanding</a:t>
            </a:r>
          </a:p>
        </p:txBody>
      </p:sp>
      <p:sp>
        <p:nvSpPr>
          <p:cNvPr id="4" name="Slide Number Placeholder 3"/>
          <p:cNvSpPr>
            <a:spLocks noGrp="1"/>
          </p:cNvSpPr>
          <p:nvPr>
            <p:ph type="sldNum" sz="quarter" idx="5"/>
          </p:nvPr>
        </p:nvSpPr>
        <p:spPr/>
        <p:txBody>
          <a:bodyPr/>
          <a:lstStyle/>
          <a:p>
            <a:fld id="{18E745C1-A773-4D9E-8475-6026C7DD6504}" type="slidenum">
              <a:rPr lang="en-AU" smtClean="0"/>
              <a:t>15</a:t>
            </a:fld>
            <a:endParaRPr lang="en-AU"/>
          </a:p>
        </p:txBody>
      </p:sp>
    </p:spTree>
    <p:extLst>
      <p:ext uri="{BB962C8B-B14F-4D97-AF65-F5344CB8AC3E}">
        <p14:creationId xmlns:p14="http://schemas.microsoft.com/office/powerpoint/2010/main" val="59118116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GB" sz="1200">
                <a:latin typeface="Times New Roman" panose="02020603050405020304" pitchFamily="18" charset="0"/>
              </a:rPr>
              <a:t>The disruptors affecting energy system resilience are varied: </a:t>
            </a:r>
          </a:p>
          <a:p>
            <a:pPr algn="l"/>
            <a:r>
              <a:rPr lang="en-GB" sz="1200">
                <a:latin typeface="Times New Roman" panose="02020603050405020304" pitchFamily="18" charset="0"/>
              </a:rPr>
              <a:t>Supply and delivery of energy across our built environment is evolving. </a:t>
            </a:r>
          </a:p>
          <a:p>
            <a:pPr marL="173279" indent="-173279">
              <a:spcBef>
                <a:spcPts val="364"/>
              </a:spcBef>
              <a:spcAft>
                <a:spcPts val="364"/>
              </a:spcAft>
              <a:buFont typeface="Arial" panose="020B0604020202020204" pitchFamily="34" charset="0"/>
              <a:buChar char="•"/>
            </a:pPr>
            <a:r>
              <a:rPr lang="en-GB" sz="1200">
                <a:latin typeface="Times New Roman" panose="02020603050405020304" pitchFamily="18" charset="0"/>
              </a:rPr>
              <a:t>Over-provision and substantial redundancy is being replaced by </a:t>
            </a:r>
            <a:r>
              <a:rPr lang="en-GB" sz="1200">
                <a:latin typeface="TimesNewRomanPSMT"/>
              </a:rPr>
              <a:t>finetuned, dynamic and highly interactive </a:t>
            </a:r>
            <a:r>
              <a:rPr lang="en-GB" sz="1200">
                <a:latin typeface="Times New Roman" panose="02020603050405020304" pitchFamily="18" charset="0"/>
              </a:rPr>
              <a:t>approach </a:t>
            </a:r>
          </a:p>
          <a:p>
            <a:pPr marL="173279" indent="-173279">
              <a:spcBef>
                <a:spcPts val="364"/>
              </a:spcBef>
              <a:spcAft>
                <a:spcPts val="364"/>
              </a:spcAft>
              <a:buFont typeface="Arial" panose="020B0604020202020204" pitchFamily="34" charset="0"/>
              <a:buChar char="•"/>
            </a:pPr>
            <a:r>
              <a:rPr lang="en-GB" sz="1200">
                <a:latin typeface="Times New Roman" panose="02020603050405020304" pitchFamily="18" charset="0"/>
              </a:rPr>
              <a:t>Extreme weather events are increasing in intensity and frequency. These can overload electrical infrastructure and energy systems.</a:t>
            </a:r>
          </a:p>
          <a:p>
            <a:pPr marL="173279" indent="-173279">
              <a:spcBef>
                <a:spcPts val="364"/>
              </a:spcBef>
              <a:spcAft>
                <a:spcPts val="364"/>
              </a:spcAft>
              <a:buFont typeface="Arial" panose="020B0604020202020204" pitchFamily="34" charset="0"/>
              <a:buChar char="•"/>
            </a:pPr>
            <a:r>
              <a:rPr lang="en-GB" sz="1200">
                <a:latin typeface="Times New Roman" panose="02020603050405020304" pitchFamily="18" charset="0"/>
              </a:rPr>
              <a:t>Transition to low carbon energy systems can create both threats and opportunities for energy systems.</a:t>
            </a:r>
          </a:p>
          <a:p>
            <a:pPr marL="173279" indent="-173279">
              <a:spcAft>
                <a:spcPts val="364"/>
              </a:spcAft>
              <a:buFont typeface="Arial" panose="020B0604020202020204" pitchFamily="34" charset="0"/>
              <a:buChar char="•"/>
            </a:pPr>
            <a:r>
              <a:rPr lang="en-GB" sz="1200">
                <a:latin typeface="Times New Roman" panose="02020603050405020304" pitchFamily="18" charset="0"/>
              </a:rPr>
              <a:t>Boundaries between energy, mobility, water and digitalisation are increasingly blurred =&gt; changes in some parts of the system can have drastic effects on other parts  </a:t>
            </a:r>
            <a:endParaRPr lang="en-US" sz="1200"/>
          </a:p>
          <a:p>
            <a:pPr algn="l"/>
            <a:endParaRPr lang="en-GB" sz="1200" b="0" i="0" u="none" strike="noStrike" baseline="0">
              <a:latin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7038A99A-104F-4F69-A525-A747E2BC1D36}" type="slidenum">
              <a:rPr lang="es-ES" smtClean="0"/>
              <a:t>16</a:t>
            </a:fld>
            <a:endParaRPr lang="es-ES"/>
          </a:p>
        </p:txBody>
      </p:sp>
    </p:spTree>
    <p:extLst>
      <p:ext uri="{BB962C8B-B14F-4D97-AF65-F5344CB8AC3E}">
        <p14:creationId xmlns:p14="http://schemas.microsoft.com/office/powerpoint/2010/main" val="342632253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sz="1200" b="0" i="0" kern="1200">
                <a:solidFill>
                  <a:schemeClr val="tx1"/>
                </a:solidFill>
                <a:effectLst/>
                <a:latin typeface="+mn-lt"/>
                <a:ea typeface="+mn-ea"/>
                <a:cs typeface="+mn-cs"/>
              </a:rPr>
              <a:t>The infographic is taken from the Asset Management Strategy Update document, which is used for Transport for London's (TfL) </a:t>
            </a:r>
            <a:r>
              <a:rPr lang="en-GB" sz="1200" b="0" i="0" u="none" strike="noStrike" kern="1200">
                <a:solidFill>
                  <a:schemeClr val="tx1"/>
                </a:solidFill>
                <a:effectLst/>
                <a:latin typeface="+mn-lt"/>
                <a:ea typeface="+mn-ea"/>
                <a:cs typeface="+mn-cs"/>
                <a:hlinkClick r:id="rId3"/>
              </a:rPr>
              <a:t>Programmes and Investment Committee</a:t>
            </a:r>
            <a:r>
              <a:rPr lang="en-GB" sz="1200" b="0" i="0" kern="1200">
                <a:solidFill>
                  <a:schemeClr val="tx1"/>
                </a:solidFill>
                <a:effectLst/>
                <a:latin typeface="+mn-lt"/>
                <a:ea typeface="+mn-ea"/>
                <a:cs typeface="+mn-cs"/>
              </a:rPr>
              <a:t> and was held on 26 June 2024.</a:t>
            </a:r>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19</a:t>
            </a:fld>
            <a:endParaRPr lang="en-AU"/>
          </a:p>
        </p:txBody>
      </p:sp>
    </p:spTree>
    <p:extLst>
      <p:ext uri="{BB962C8B-B14F-4D97-AF65-F5344CB8AC3E}">
        <p14:creationId xmlns:p14="http://schemas.microsoft.com/office/powerpoint/2010/main" val="146830309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FF8149D-672A-2852-FA14-7E6D31A6B545}"/>
            </a:ext>
          </a:extLst>
        </p:cNvPr>
        <p:cNvGrpSpPr/>
        <p:nvPr/>
      </p:nvGrpSpPr>
      <p:grpSpPr>
        <a:xfrm>
          <a:off x="0" y="0"/>
          <a:ext cx="0" cy="0"/>
          <a:chOff x="0" y="0"/>
          <a:chExt cx="0" cy="0"/>
        </a:xfrm>
      </p:grpSpPr>
      <p:sp>
        <p:nvSpPr>
          <p:cNvPr id="2" name="Marcador de imagen de diapositiva 1">
            <a:extLst>
              <a:ext uri="{FF2B5EF4-FFF2-40B4-BE49-F238E27FC236}">
                <a16:creationId xmlns:a16="http://schemas.microsoft.com/office/drawing/2014/main" id="{459DE169-EBA1-5CAE-2926-488FD72DC8E1}"/>
              </a:ext>
            </a:extLst>
          </p:cNvPr>
          <p:cNvSpPr>
            <a:spLocks noGrp="1" noRot="1" noChangeAspect="1"/>
          </p:cNvSpPr>
          <p:nvPr>
            <p:ph type="sldImg"/>
          </p:nvPr>
        </p:nvSpPr>
        <p:spPr/>
      </p:sp>
      <p:sp>
        <p:nvSpPr>
          <p:cNvPr id="3" name="Marcador de notas 2">
            <a:extLst>
              <a:ext uri="{FF2B5EF4-FFF2-40B4-BE49-F238E27FC236}">
                <a16:creationId xmlns:a16="http://schemas.microsoft.com/office/drawing/2014/main" id="{31C9D5EE-61FE-ADA5-7937-BEE8FE201BC2}"/>
              </a:ext>
            </a:extLst>
          </p:cNvPr>
          <p:cNvSpPr>
            <a:spLocks noGrp="1"/>
          </p:cNvSpPr>
          <p:nvPr>
            <p:ph type="body" idx="1"/>
          </p:nvPr>
        </p:nvSpPr>
        <p:spPr/>
        <p:txBody>
          <a:bodyPr/>
          <a:lstStyle/>
          <a:p>
            <a:endParaRPr lang="es-ES" dirty="0"/>
          </a:p>
        </p:txBody>
      </p:sp>
      <p:sp>
        <p:nvSpPr>
          <p:cNvPr id="4" name="Marcador de número de diapositiva 3">
            <a:extLst>
              <a:ext uri="{FF2B5EF4-FFF2-40B4-BE49-F238E27FC236}">
                <a16:creationId xmlns:a16="http://schemas.microsoft.com/office/drawing/2014/main" id="{B3C1A3F2-F0A1-DB05-7CEE-9A33CFD75452}"/>
              </a:ext>
            </a:extLst>
          </p:cNvPr>
          <p:cNvSpPr>
            <a:spLocks noGrp="1"/>
          </p:cNvSpPr>
          <p:nvPr>
            <p:ph type="sldNum" sz="quarter" idx="5"/>
          </p:nvPr>
        </p:nvSpPr>
        <p:spPr/>
        <p:txBody>
          <a:bodyPr/>
          <a:lstStyle/>
          <a:p>
            <a:fld id="{18E745C1-A773-4D9E-8475-6026C7DD6504}" type="slidenum">
              <a:rPr lang="en-AU" smtClean="0"/>
              <a:t>21</a:t>
            </a:fld>
            <a:endParaRPr lang="en-AU" dirty="0"/>
          </a:p>
        </p:txBody>
      </p:sp>
    </p:spTree>
    <p:extLst>
      <p:ext uri="{BB962C8B-B14F-4D97-AF65-F5344CB8AC3E}">
        <p14:creationId xmlns:p14="http://schemas.microsoft.com/office/powerpoint/2010/main" val="351446729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23</a:t>
            </a:fld>
            <a:endParaRPr lang="en-AU"/>
          </a:p>
        </p:txBody>
      </p:sp>
    </p:spTree>
    <p:extLst>
      <p:ext uri="{BB962C8B-B14F-4D97-AF65-F5344CB8AC3E}">
        <p14:creationId xmlns:p14="http://schemas.microsoft.com/office/powerpoint/2010/main" val="2048202958"/>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image" Target="../media/image10.png"/><Relationship Id="rId7" Type="http://schemas.openxmlformats.org/officeDocument/2006/relationships/image" Target="../media/image14.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endParaRPr lang="en-GB"/>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endParaRPr lang="en-GB"/>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endParaRPr lang="en-GB"/>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endParaRPr lang="en-GB"/>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endParaRPr lang="en-GB"/>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endParaRPr lang="en-GB"/>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endParaRPr lang="en-GB"/>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endParaRPr lang="en-GB"/>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endParaRPr lang="en-GB"/>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308272706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endParaRPr lang="en-GB"/>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endParaRPr lang="en-GB"/>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endParaRPr lang="en-GB"/>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lang="en-GB"/>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100134222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endParaRPr lang="en-GB"/>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endParaRPr lang="en-GB"/>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endParaRPr lang="en-GB"/>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lang="en-GB"/>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429427743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endParaRPr lang="en-GB"/>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lang="en-GB"/>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161541374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endParaRPr lang="en-GB"/>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dirty="0"/>
              <a:t>Large display copy, value statement</a:t>
            </a:r>
            <a:endParaRPr lang="en-GB"/>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1082308"/>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1082308"/>
          </a:xfrm>
        </p:spPr>
        <p:txBody>
          <a:bodyPr/>
          <a:lstStyle>
            <a:lvl1pPr marL="0" indent="0">
              <a:buNone/>
              <a:tabLst/>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dirty="0"/>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dirty="0"/>
          </a:p>
        </p:txBody>
      </p:sp>
      <p:sp>
        <p:nvSpPr>
          <p:cNvPr id="7" name="Text Placeholder 3">
            <a:extLst>
              <a:ext uri="{FF2B5EF4-FFF2-40B4-BE49-F238E27FC236}">
                <a16:creationId xmlns:a16="http://schemas.microsoft.com/office/drawing/2014/main" id="{ADF95CAB-E075-C24D-41C1-4232B7F31441}"/>
              </a:ext>
            </a:extLst>
          </p:cNvPr>
          <p:cNvSpPr>
            <a:spLocks noGrp="1"/>
          </p:cNvSpPr>
          <p:nvPr>
            <p:ph type="body" sz="quarter" idx="17" hasCustomPrompt="1"/>
          </p:nvPr>
        </p:nvSpPr>
        <p:spPr>
          <a:xfrm>
            <a:off x="6401741" y="2801257"/>
            <a:ext cx="4668956" cy="820800"/>
          </a:xfrm>
        </p:spPr>
        <p:txBody>
          <a:bodyPr/>
          <a:lstStyle>
            <a:lvl1pPr marL="0" indent="0">
              <a:buNone/>
              <a:tabLst/>
              <a:defRPr>
                <a:solidFill>
                  <a:schemeClr val="accent1"/>
                </a:solidFill>
              </a:defRPr>
            </a:lvl1pPr>
          </a:lstStyle>
          <a:p>
            <a:pPr lvl="0"/>
            <a:r>
              <a:rPr lang="en-GB" dirty="0"/>
              <a:t>Large display copy, value statement</a:t>
            </a:r>
            <a:endParaRPr lang="en-GB"/>
          </a:p>
        </p:txBody>
      </p:sp>
    </p:spTree>
    <p:extLst>
      <p:ext uri="{BB962C8B-B14F-4D97-AF65-F5344CB8AC3E}">
        <p14:creationId xmlns:p14="http://schemas.microsoft.com/office/powerpoint/2010/main" val="179193263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endParaRPr lang="en-GB"/>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endParaRPr lang="en-GB"/>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endParaRPr lang="en-GB"/>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endParaRPr lang="en-GB"/>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274587045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endParaRPr lang="en-GB"/>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endParaRPr lang="en-GB"/>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endParaRPr lang="en-GB"/>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endParaRPr lang="en-GB"/>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317093405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endParaRPr lang="en-GB"/>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endParaRPr lang="en-GB"/>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endParaRPr lang="en-GB"/>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endParaRPr lang="en-GB"/>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285099635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endParaRPr lang="en-GB"/>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a:t>
            </a:r>
            <a:endParaRPr lang="en-GB"/>
          </a:p>
          <a:p>
            <a:pPr lvl="8"/>
            <a:r>
              <a:rPr lang="en-GB" dirty="0"/>
              <a:t>Ninth level</a:t>
            </a:r>
            <a:endParaRPr lang="en-GB"/>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endParaRPr lang="en-GB"/>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endParaRPr lang="en-GB"/>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endParaRPr lang="en-GB"/>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lang="en-GB"/>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endParaRPr lang="en-GB"/>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176662945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endParaRPr lang="en-GB"/>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23368962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endParaRPr lang="en-GB"/>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2999454592"/>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endParaRPr lang="en-GB"/>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3965029181"/>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endParaRPr lang="en-GB"/>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a:t>
            </a:r>
            <a:endParaRPr lang="en-GB"/>
          </a:p>
          <a:p>
            <a:pPr lvl="8"/>
            <a:r>
              <a:rPr lang="en-GB" dirty="0"/>
              <a:t>Ninth level</a:t>
            </a:r>
            <a:endParaRPr lang="en-GB"/>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286843908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endParaRPr lang="en-GB"/>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a:t>
            </a:r>
            <a:endParaRPr lang="en-GB"/>
          </a:p>
          <a:p>
            <a:pPr lvl="8"/>
            <a:r>
              <a:rPr lang="en-GB" dirty="0"/>
              <a:t>Ninth level</a:t>
            </a:r>
            <a:endParaRPr lang="en-GB"/>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3813224190"/>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endParaRPr lang="en-GB"/>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a:t>
            </a:r>
            <a:endParaRPr lang="en-GB"/>
          </a:p>
          <a:p>
            <a:pPr lvl="8"/>
            <a:r>
              <a:rPr lang="en-GB" dirty="0"/>
              <a:t>Ninth level</a:t>
            </a:r>
            <a:endParaRPr lang="en-GB"/>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716906128"/>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endParaRPr lang="en-GB"/>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a:t>
            </a:r>
            <a:endParaRPr lang="en-GB"/>
          </a:p>
          <a:p>
            <a:pPr lvl="8"/>
            <a:r>
              <a:rPr lang="en-GB" dirty="0"/>
              <a:t>Ninth level</a:t>
            </a:r>
            <a:endParaRPr lang="en-GB"/>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3548008365"/>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endParaRPr lang="en-GB"/>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a:t>
            </a:r>
            <a:endParaRPr lang="en-GB"/>
          </a:p>
          <a:p>
            <a:pPr lvl="8"/>
            <a:r>
              <a:rPr lang="en-GB" dirty="0"/>
              <a:t>Ninth level</a:t>
            </a:r>
            <a:endParaRPr lang="en-GB"/>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2955937307"/>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endParaRPr lang="en-GB"/>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endParaRPr lang="en-GB"/>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endParaRPr lang="en-GB"/>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endParaRPr lang="en-GB"/>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endParaRPr lang="en-GB"/>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endParaRPr lang="en-GB"/>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endParaRPr lang="en-GB"/>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endParaRPr lang="en-GB"/>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endParaRPr lang="en-GB"/>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364808922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 x text or content - Bulleted lis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endParaRPr lang="en-GB"/>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3pPr marL="1078992" indent="-356616">
              <a:buFont typeface="Arial" panose="020B0604020202020204" pitchFamily="34" charset="0"/>
              <a:buChar char="•"/>
              <a:defRPr sz="2800">
                <a:solidFill>
                  <a:schemeClr val="tx1"/>
                </a:solidFill>
                <a:latin typeface="+mj-lt"/>
              </a:defRPr>
            </a:lvl3pPr>
            <a:lvl4pPr marL="1435608" indent="-356616">
              <a:buFont typeface="Arial" panose="020B0604020202020204" pitchFamily="34" charset="0"/>
              <a:buChar char="•"/>
              <a:defRPr sz="2800">
                <a:solidFill>
                  <a:schemeClr val="tx1"/>
                </a:solidFill>
                <a:latin typeface="+mj-lt"/>
              </a:defRPr>
            </a:lvl4pPr>
            <a:lvl5pPr marL="1792224" indent="-356616">
              <a:buFont typeface="Arial" panose="020B0604020202020204" pitchFamily="34" charset="0"/>
              <a:buChar char="•"/>
              <a:defRPr sz="2800">
                <a:solidFill>
                  <a:schemeClr val="tx1"/>
                </a:solidFill>
                <a:latin typeface="+mj-lt"/>
              </a:defRPr>
            </a:lvl5pPr>
            <a:lvl6pPr>
              <a:defRPr sz="2000"/>
            </a:lvl6pPr>
            <a:lvl7pPr>
              <a:defRPr/>
            </a:lvl7pPr>
            <a:lvl8pPr>
              <a:defRPr/>
            </a:lvl8pPr>
            <a:lvl9pPr>
              <a:defRPr/>
            </a:lvl9pPr>
          </a:lstStyle>
          <a:p>
            <a:pPr lvl="0"/>
            <a:r>
              <a:rPr lang="en-GB" dirty="0"/>
              <a:t>Click to add text, image or graph/table</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a:t>
            </a:r>
            <a:endParaRPr lang="en-GB"/>
          </a:p>
          <a:p>
            <a:pPr lvl="8"/>
            <a:r>
              <a:rPr lang="en-GB" dirty="0"/>
              <a:t>Ninth level</a:t>
            </a:r>
            <a:endParaRPr lang="en-GB"/>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801065334"/>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endParaRPr lang="en-GB"/>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endParaRPr lang="en-GB"/>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endParaRPr lang="en-GB"/>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endParaRPr lang="en-GB"/>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endParaRPr lang="en-GB"/>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endParaRPr lang="en-GB"/>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endParaRPr lang="en-GB"/>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endParaRPr lang="en-GB"/>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endParaRPr lang="en-GB"/>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73006641"/>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endParaRPr lang="en-GB"/>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endParaRPr lang="en-GB"/>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endParaRPr lang="en-GB"/>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endParaRPr lang="en-GB"/>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endParaRPr lang="en-GB"/>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endParaRPr lang="en-GB"/>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endParaRPr lang="en-GB"/>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endParaRPr lang="en-GB"/>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endParaRPr lang="en-GB"/>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endParaRPr lang="en-GB"/>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endParaRPr lang="en-GB"/>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endParaRPr lang="en-GB"/>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endParaRPr lang="en-GB"/>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9655596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endParaRPr lang="en-GB"/>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endParaRPr lang="en-GB"/>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endParaRPr lang="en-GB"/>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endParaRPr lang="en-GB"/>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endParaRPr lang="en-GB"/>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endParaRPr lang="en-GB"/>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endParaRPr lang="en-GB"/>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endParaRPr lang="en-GB"/>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endParaRPr lang="en-GB"/>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endParaRPr lang="en-GB"/>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endParaRPr lang="en-GB"/>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endParaRPr lang="en-GB"/>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endParaRPr lang="en-GB"/>
          </a:p>
        </p:txBody>
      </p:sp>
    </p:spTree>
    <p:extLst>
      <p:ext uri="{BB962C8B-B14F-4D97-AF65-F5344CB8AC3E}">
        <p14:creationId xmlns:p14="http://schemas.microsoft.com/office/powerpoint/2010/main" val="1180193860"/>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endParaRPr lang="en-GB"/>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endParaRPr lang="en-GB"/>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endParaRPr lang="en-GB"/>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endParaRPr lang="en-GB"/>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endParaRPr lang="en-GB"/>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342928021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endParaRPr lang="en-GB"/>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endParaRPr lang="en-GB"/>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endParaRPr lang="en-GB"/>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endParaRPr lang="en-GB"/>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endParaRPr lang="en-GB"/>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endParaRPr lang="en-GB"/>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endParaRPr lang="en-GB"/>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422023022"/>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endParaRPr lang="en-GB"/>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endParaRPr lang="en-GB"/>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endParaRPr lang="en-GB"/>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endParaRPr lang="en-GB"/>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endParaRPr lang="en-GB"/>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endParaRPr lang="en-GB"/>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endParaRPr lang="en-GB"/>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endParaRPr lang="en-GB"/>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endParaRPr lang="en-GB"/>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2160236578"/>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endParaRPr lang="en-GB"/>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dirty="0"/>
              <a:t>Large display copy, value statement</a:t>
            </a:r>
            <a:endParaRPr lang="en-GB"/>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dirty="0"/>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dirty="0"/>
          </a:p>
        </p:txBody>
      </p:sp>
      <p:sp>
        <p:nvSpPr>
          <p:cNvPr id="7" name="Text Placeholder 3">
            <a:extLst>
              <a:ext uri="{FF2B5EF4-FFF2-40B4-BE49-F238E27FC236}">
                <a16:creationId xmlns:a16="http://schemas.microsoft.com/office/drawing/2014/main" id="{0409C9BC-E7D0-1379-D997-C7D9704B5CA0}"/>
              </a:ext>
            </a:extLst>
          </p:cNvPr>
          <p:cNvSpPr>
            <a:spLocks noGrp="1"/>
          </p:cNvSpPr>
          <p:nvPr>
            <p:ph type="body" sz="quarter" idx="18" hasCustomPrompt="1"/>
          </p:nvPr>
        </p:nvSpPr>
        <p:spPr>
          <a:xfrm>
            <a:off x="4549032" y="2804400"/>
            <a:ext cx="3276000" cy="820800"/>
          </a:xfrm>
        </p:spPr>
        <p:txBody>
          <a:bodyPr/>
          <a:lstStyle>
            <a:lvl1pPr marL="0" indent="0">
              <a:buNone/>
              <a:tabLst/>
              <a:defRPr>
                <a:solidFill>
                  <a:schemeClr val="accent1"/>
                </a:solidFill>
              </a:defRPr>
            </a:lvl1pPr>
          </a:lstStyle>
          <a:p>
            <a:pPr lvl="0"/>
            <a:r>
              <a:rPr lang="en-GB" dirty="0"/>
              <a:t>Large display copy, value statement</a:t>
            </a:r>
            <a:endParaRPr lang="en-GB"/>
          </a:p>
        </p:txBody>
      </p:sp>
      <p:sp>
        <p:nvSpPr>
          <p:cNvPr id="9" name="Text Placeholder 9">
            <a:extLst>
              <a:ext uri="{FF2B5EF4-FFF2-40B4-BE49-F238E27FC236}">
                <a16:creationId xmlns:a16="http://schemas.microsoft.com/office/drawing/2014/main" id="{5B40B261-D3B5-C3BC-4FAD-FC9C8DE0B108}"/>
              </a:ext>
            </a:extLst>
          </p:cNvPr>
          <p:cNvSpPr>
            <a:spLocks noGrp="1"/>
          </p:cNvSpPr>
          <p:nvPr>
            <p:ph type="body" sz="quarter" idx="19" hasCustomPrompt="1"/>
          </p:nvPr>
        </p:nvSpPr>
        <p:spPr>
          <a:xfrm>
            <a:off x="4549032" y="3747600"/>
            <a:ext cx="3275434"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1" name="Text Placeholder 3">
            <a:extLst>
              <a:ext uri="{FF2B5EF4-FFF2-40B4-BE49-F238E27FC236}">
                <a16:creationId xmlns:a16="http://schemas.microsoft.com/office/drawing/2014/main" id="{E23EC130-5B74-8F0A-CF27-74F5B45E78E8}"/>
              </a:ext>
            </a:extLst>
          </p:cNvPr>
          <p:cNvSpPr>
            <a:spLocks noGrp="1"/>
          </p:cNvSpPr>
          <p:nvPr>
            <p:ph type="body" sz="quarter" idx="20" hasCustomPrompt="1"/>
          </p:nvPr>
        </p:nvSpPr>
        <p:spPr>
          <a:xfrm>
            <a:off x="8239720" y="2786338"/>
            <a:ext cx="3276000" cy="820800"/>
          </a:xfrm>
        </p:spPr>
        <p:txBody>
          <a:bodyPr/>
          <a:lstStyle>
            <a:lvl1pPr marL="0" indent="0">
              <a:buNone/>
              <a:tabLst/>
              <a:defRPr>
                <a:solidFill>
                  <a:schemeClr val="accent1"/>
                </a:solidFill>
              </a:defRPr>
            </a:lvl1pPr>
          </a:lstStyle>
          <a:p>
            <a:pPr lvl="0"/>
            <a:r>
              <a:rPr lang="en-GB" dirty="0"/>
              <a:t>Large display copy, value statement</a:t>
            </a:r>
            <a:endParaRPr lang="en-GB"/>
          </a:p>
        </p:txBody>
      </p:sp>
      <p:sp>
        <p:nvSpPr>
          <p:cNvPr id="12" name="Text Placeholder 9">
            <a:extLst>
              <a:ext uri="{FF2B5EF4-FFF2-40B4-BE49-F238E27FC236}">
                <a16:creationId xmlns:a16="http://schemas.microsoft.com/office/drawing/2014/main" id="{2641A91E-B8E7-1319-16AF-57742A543EEE}"/>
              </a:ext>
            </a:extLst>
          </p:cNvPr>
          <p:cNvSpPr>
            <a:spLocks noGrp="1"/>
          </p:cNvSpPr>
          <p:nvPr>
            <p:ph type="body" sz="quarter" idx="21" hasCustomPrompt="1"/>
          </p:nvPr>
        </p:nvSpPr>
        <p:spPr>
          <a:xfrm>
            <a:off x="8239720" y="3729538"/>
            <a:ext cx="3275434"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214247152"/>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endParaRPr lang="en-GB"/>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dirty="0"/>
              <a:t>Large display copy, value statement</a:t>
            </a:r>
            <a:endParaRPr lang="en-GB"/>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dirty="0"/>
              <a:t>Large display copy, value statement</a:t>
            </a:r>
            <a:endParaRPr lang="en-GB"/>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dirty="0"/>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dirty="0"/>
          </a:p>
        </p:txBody>
      </p:sp>
      <p:sp>
        <p:nvSpPr>
          <p:cNvPr id="7" name="Text Placeholder 3">
            <a:extLst>
              <a:ext uri="{FF2B5EF4-FFF2-40B4-BE49-F238E27FC236}">
                <a16:creationId xmlns:a16="http://schemas.microsoft.com/office/drawing/2014/main" id="{BD4FD2D9-656C-F217-F1E3-E391510B5311}"/>
              </a:ext>
            </a:extLst>
          </p:cNvPr>
          <p:cNvSpPr>
            <a:spLocks noGrp="1"/>
          </p:cNvSpPr>
          <p:nvPr>
            <p:ph type="body" sz="quarter" idx="21" hasCustomPrompt="1"/>
          </p:nvPr>
        </p:nvSpPr>
        <p:spPr>
          <a:xfrm>
            <a:off x="6914902" y="3983524"/>
            <a:ext cx="4668956" cy="820800"/>
          </a:xfrm>
        </p:spPr>
        <p:txBody>
          <a:bodyPr/>
          <a:lstStyle>
            <a:lvl1pPr marL="0" indent="0">
              <a:buNone/>
              <a:defRPr>
                <a:solidFill>
                  <a:schemeClr val="accent1"/>
                </a:solidFill>
              </a:defRPr>
            </a:lvl1pPr>
          </a:lstStyle>
          <a:p>
            <a:pPr lvl="0"/>
            <a:r>
              <a:rPr lang="en-GB" dirty="0"/>
              <a:t>Large display copy, value statement</a:t>
            </a:r>
            <a:endParaRPr lang="en-GB"/>
          </a:p>
        </p:txBody>
      </p:sp>
      <p:sp>
        <p:nvSpPr>
          <p:cNvPr id="8" name="Text Placeholder 9">
            <a:extLst>
              <a:ext uri="{FF2B5EF4-FFF2-40B4-BE49-F238E27FC236}">
                <a16:creationId xmlns:a16="http://schemas.microsoft.com/office/drawing/2014/main" id="{C80B33D4-0658-0B16-2F82-F125CA452495}"/>
              </a:ext>
            </a:extLst>
          </p:cNvPr>
          <p:cNvSpPr>
            <a:spLocks noGrp="1"/>
          </p:cNvSpPr>
          <p:nvPr>
            <p:ph type="body" sz="quarter" idx="22" hasCustomPrompt="1"/>
          </p:nvPr>
        </p:nvSpPr>
        <p:spPr>
          <a:xfrm>
            <a:off x="6914902" y="4926724"/>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9" name="Text Placeholder 3">
            <a:extLst>
              <a:ext uri="{FF2B5EF4-FFF2-40B4-BE49-F238E27FC236}">
                <a16:creationId xmlns:a16="http://schemas.microsoft.com/office/drawing/2014/main" id="{1EE69BCF-0503-7CC7-6321-551B1094E7AA}"/>
              </a:ext>
            </a:extLst>
          </p:cNvPr>
          <p:cNvSpPr>
            <a:spLocks noGrp="1"/>
          </p:cNvSpPr>
          <p:nvPr>
            <p:ph type="body" sz="quarter" idx="23" hasCustomPrompt="1"/>
          </p:nvPr>
        </p:nvSpPr>
        <p:spPr>
          <a:xfrm>
            <a:off x="6914902" y="1804456"/>
            <a:ext cx="4668956" cy="820800"/>
          </a:xfrm>
        </p:spPr>
        <p:txBody>
          <a:bodyPr/>
          <a:lstStyle>
            <a:lvl1pPr marL="0" indent="0">
              <a:buNone/>
              <a:defRPr>
                <a:solidFill>
                  <a:schemeClr val="accent1"/>
                </a:solidFill>
              </a:defRPr>
            </a:lvl1pPr>
          </a:lstStyle>
          <a:p>
            <a:pPr lvl="0"/>
            <a:r>
              <a:rPr lang="en-GB" dirty="0"/>
              <a:t>Large display copy, value statement</a:t>
            </a:r>
            <a:endParaRPr lang="en-GB"/>
          </a:p>
        </p:txBody>
      </p:sp>
      <p:sp>
        <p:nvSpPr>
          <p:cNvPr id="11" name="Text Placeholder 9">
            <a:extLst>
              <a:ext uri="{FF2B5EF4-FFF2-40B4-BE49-F238E27FC236}">
                <a16:creationId xmlns:a16="http://schemas.microsoft.com/office/drawing/2014/main" id="{617A200E-8A10-1CD3-8796-FEE7D3D9DC84}"/>
              </a:ext>
            </a:extLst>
          </p:cNvPr>
          <p:cNvSpPr>
            <a:spLocks noGrp="1"/>
          </p:cNvSpPr>
          <p:nvPr>
            <p:ph type="body" sz="quarter" idx="24" hasCustomPrompt="1"/>
          </p:nvPr>
        </p:nvSpPr>
        <p:spPr>
          <a:xfrm>
            <a:off x="6914902" y="2747656"/>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1468497730"/>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endParaRPr lang="en-GB"/>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dirty="0"/>
              <a:t>Large display copy, value statement</a:t>
            </a:r>
            <a:endParaRPr lang="en-GB"/>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GB" dirty="0"/>
              <a:t>16pt supporting copy description approximately 20 words.</a:t>
            </a:r>
            <a:endParaRPr lang="en-GB"/>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GB" dirty="0"/>
              <a:t>Large display copy, value statement</a:t>
            </a:r>
            <a:endParaRPr lang="en-GB"/>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GB" dirty="0"/>
              <a:t>16pt supporting copy description approximately 20 words.</a:t>
            </a:r>
            <a:endParaRPr lang="en-GB"/>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dirty="0"/>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dirty="0"/>
          </a:p>
        </p:txBody>
      </p:sp>
      <p:sp>
        <p:nvSpPr>
          <p:cNvPr id="11" name="Text Placeholder 3">
            <a:extLst>
              <a:ext uri="{FF2B5EF4-FFF2-40B4-BE49-F238E27FC236}">
                <a16:creationId xmlns:a16="http://schemas.microsoft.com/office/drawing/2014/main" id="{1B6AA00D-A9F5-E716-2461-C8E7084273CB}"/>
              </a:ext>
            </a:extLst>
          </p:cNvPr>
          <p:cNvSpPr>
            <a:spLocks noGrp="1"/>
          </p:cNvSpPr>
          <p:nvPr>
            <p:ph type="body" sz="quarter" idx="24" hasCustomPrompt="1"/>
          </p:nvPr>
        </p:nvSpPr>
        <p:spPr>
          <a:xfrm>
            <a:off x="4582887" y="1811338"/>
            <a:ext cx="3276000" cy="774000"/>
          </a:xfrm>
        </p:spPr>
        <p:txBody>
          <a:bodyPr/>
          <a:lstStyle>
            <a:lvl1pPr marL="0" indent="0">
              <a:buNone/>
              <a:defRPr>
                <a:solidFill>
                  <a:schemeClr val="accent1"/>
                </a:solidFill>
              </a:defRPr>
            </a:lvl1pPr>
          </a:lstStyle>
          <a:p>
            <a:pPr lvl="0"/>
            <a:r>
              <a:rPr lang="en-GB" dirty="0"/>
              <a:t>Large display copy, value statement</a:t>
            </a:r>
            <a:endParaRPr lang="en-GB"/>
          </a:p>
        </p:txBody>
      </p:sp>
      <p:sp>
        <p:nvSpPr>
          <p:cNvPr id="13" name="Text Placeholder 9">
            <a:extLst>
              <a:ext uri="{FF2B5EF4-FFF2-40B4-BE49-F238E27FC236}">
                <a16:creationId xmlns:a16="http://schemas.microsoft.com/office/drawing/2014/main" id="{2E50A566-BD37-D113-3E36-7E79771C9702}"/>
              </a:ext>
            </a:extLst>
          </p:cNvPr>
          <p:cNvSpPr>
            <a:spLocks noGrp="1"/>
          </p:cNvSpPr>
          <p:nvPr>
            <p:ph type="body" sz="quarter" idx="25" hasCustomPrompt="1"/>
          </p:nvPr>
        </p:nvSpPr>
        <p:spPr>
          <a:xfrm>
            <a:off x="4582887" y="2754538"/>
            <a:ext cx="3276000" cy="442800"/>
          </a:xfrm>
        </p:spPr>
        <p:txBody>
          <a:bodyPr/>
          <a:lstStyle>
            <a:lvl1pPr marL="0" indent="0">
              <a:buNone/>
              <a:defRPr sz="1600"/>
            </a:lvl1pPr>
          </a:lstStyle>
          <a:p>
            <a:pPr lvl="0"/>
            <a:r>
              <a:rPr lang="en-GB" dirty="0"/>
              <a:t>16pt supporting copy description approximately 20 words.</a:t>
            </a:r>
            <a:endParaRPr lang="en-GB"/>
          </a:p>
        </p:txBody>
      </p:sp>
      <p:sp>
        <p:nvSpPr>
          <p:cNvPr id="14" name="Text Placeholder 4">
            <a:extLst>
              <a:ext uri="{FF2B5EF4-FFF2-40B4-BE49-F238E27FC236}">
                <a16:creationId xmlns:a16="http://schemas.microsoft.com/office/drawing/2014/main" id="{1945AF68-134C-1AD7-7991-B728BFFC9908}"/>
              </a:ext>
            </a:extLst>
          </p:cNvPr>
          <p:cNvSpPr>
            <a:spLocks noGrp="1"/>
          </p:cNvSpPr>
          <p:nvPr>
            <p:ph type="body" sz="quarter" idx="26" hasCustomPrompt="1"/>
          </p:nvPr>
        </p:nvSpPr>
        <p:spPr>
          <a:xfrm>
            <a:off x="4582887" y="3990406"/>
            <a:ext cx="3276000" cy="774000"/>
          </a:xfrm>
        </p:spPr>
        <p:txBody>
          <a:bodyPr/>
          <a:lstStyle>
            <a:lvl1pPr marL="0" indent="0">
              <a:buNone/>
              <a:defRPr>
                <a:solidFill>
                  <a:schemeClr val="accent1"/>
                </a:solidFill>
              </a:defRPr>
            </a:lvl1pPr>
          </a:lstStyle>
          <a:p>
            <a:pPr lvl="0"/>
            <a:r>
              <a:rPr lang="en-GB" dirty="0"/>
              <a:t>Large display copy, value statement</a:t>
            </a:r>
            <a:endParaRPr lang="en-GB"/>
          </a:p>
        </p:txBody>
      </p:sp>
      <p:sp>
        <p:nvSpPr>
          <p:cNvPr id="15" name="Text Placeholder 27">
            <a:extLst>
              <a:ext uri="{FF2B5EF4-FFF2-40B4-BE49-F238E27FC236}">
                <a16:creationId xmlns:a16="http://schemas.microsoft.com/office/drawing/2014/main" id="{974A3A64-16F6-6DAD-AC29-314FDF4A96BD}"/>
              </a:ext>
            </a:extLst>
          </p:cNvPr>
          <p:cNvSpPr>
            <a:spLocks noGrp="1"/>
          </p:cNvSpPr>
          <p:nvPr>
            <p:ph type="body" sz="quarter" idx="27" hasCustomPrompt="1"/>
          </p:nvPr>
        </p:nvSpPr>
        <p:spPr>
          <a:xfrm>
            <a:off x="4582887" y="4863600"/>
            <a:ext cx="3276000" cy="442800"/>
          </a:xfrm>
        </p:spPr>
        <p:txBody>
          <a:bodyPr/>
          <a:lstStyle>
            <a:lvl1pPr marL="0" indent="0">
              <a:buNone/>
              <a:defRPr sz="1600"/>
            </a:lvl1pPr>
          </a:lstStyle>
          <a:p>
            <a:pPr lvl="0"/>
            <a:r>
              <a:rPr lang="en-GB" dirty="0"/>
              <a:t>16pt supporting copy description approximately 20 words.</a:t>
            </a:r>
            <a:endParaRPr lang="en-GB"/>
          </a:p>
        </p:txBody>
      </p:sp>
      <p:sp>
        <p:nvSpPr>
          <p:cNvPr id="16" name="Text Placeholder 3">
            <a:extLst>
              <a:ext uri="{FF2B5EF4-FFF2-40B4-BE49-F238E27FC236}">
                <a16:creationId xmlns:a16="http://schemas.microsoft.com/office/drawing/2014/main" id="{7238EC96-03A7-5398-D940-5976CDC4986F}"/>
              </a:ext>
            </a:extLst>
          </p:cNvPr>
          <p:cNvSpPr>
            <a:spLocks noGrp="1"/>
          </p:cNvSpPr>
          <p:nvPr>
            <p:ph type="body" sz="quarter" idx="28" hasCustomPrompt="1"/>
          </p:nvPr>
        </p:nvSpPr>
        <p:spPr>
          <a:xfrm>
            <a:off x="8257708" y="1811338"/>
            <a:ext cx="3276000" cy="774000"/>
          </a:xfrm>
        </p:spPr>
        <p:txBody>
          <a:bodyPr/>
          <a:lstStyle>
            <a:lvl1pPr marL="0" indent="0">
              <a:buNone/>
              <a:defRPr>
                <a:solidFill>
                  <a:schemeClr val="accent1"/>
                </a:solidFill>
              </a:defRPr>
            </a:lvl1pPr>
          </a:lstStyle>
          <a:p>
            <a:pPr lvl="0"/>
            <a:r>
              <a:rPr lang="en-GB" dirty="0"/>
              <a:t>Large display copy, value statement</a:t>
            </a:r>
            <a:endParaRPr lang="en-GB"/>
          </a:p>
        </p:txBody>
      </p:sp>
      <p:sp>
        <p:nvSpPr>
          <p:cNvPr id="17" name="Text Placeholder 9">
            <a:extLst>
              <a:ext uri="{FF2B5EF4-FFF2-40B4-BE49-F238E27FC236}">
                <a16:creationId xmlns:a16="http://schemas.microsoft.com/office/drawing/2014/main" id="{969BA542-B4AC-6B71-E144-B45D9D94ED67}"/>
              </a:ext>
            </a:extLst>
          </p:cNvPr>
          <p:cNvSpPr>
            <a:spLocks noGrp="1"/>
          </p:cNvSpPr>
          <p:nvPr>
            <p:ph type="body" sz="quarter" idx="29" hasCustomPrompt="1"/>
          </p:nvPr>
        </p:nvSpPr>
        <p:spPr>
          <a:xfrm>
            <a:off x="8257708" y="2754538"/>
            <a:ext cx="3276000" cy="442800"/>
          </a:xfrm>
        </p:spPr>
        <p:txBody>
          <a:bodyPr/>
          <a:lstStyle>
            <a:lvl1pPr marL="0" indent="0">
              <a:buNone/>
              <a:defRPr sz="1600"/>
            </a:lvl1pPr>
          </a:lstStyle>
          <a:p>
            <a:pPr lvl="0"/>
            <a:r>
              <a:rPr lang="en-GB" dirty="0"/>
              <a:t>16pt supporting copy description approximately 20 words.</a:t>
            </a:r>
            <a:endParaRPr lang="en-GB"/>
          </a:p>
        </p:txBody>
      </p:sp>
      <p:sp>
        <p:nvSpPr>
          <p:cNvPr id="18" name="Text Placeholder 4">
            <a:extLst>
              <a:ext uri="{FF2B5EF4-FFF2-40B4-BE49-F238E27FC236}">
                <a16:creationId xmlns:a16="http://schemas.microsoft.com/office/drawing/2014/main" id="{EA103E80-09E3-0954-53E4-9C1AD54ADD7A}"/>
              </a:ext>
            </a:extLst>
          </p:cNvPr>
          <p:cNvSpPr>
            <a:spLocks noGrp="1"/>
          </p:cNvSpPr>
          <p:nvPr>
            <p:ph type="body" sz="quarter" idx="30" hasCustomPrompt="1"/>
          </p:nvPr>
        </p:nvSpPr>
        <p:spPr>
          <a:xfrm>
            <a:off x="8257708" y="3990406"/>
            <a:ext cx="3276000" cy="774000"/>
          </a:xfrm>
        </p:spPr>
        <p:txBody>
          <a:bodyPr/>
          <a:lstStyle>
            <a:lvl1pPr marL="0" indent="0">
              <a:buNone/>
              <a:defRPr>
                <a:solidFill>
                  <a:schemeClr val="accent1"/>
                </a:solidFill>
              </a:defRPr>
            </a:lvl1pPr>
          </a:lstStyle>
          <a:p>
            <a:pPr lvl="0"/>
            <a:r>
              <a:rPr lang="en-GB" dirty="0"/>
              <a:t>Large display copy, value statement</a:t>
            </a:r>
            <a:endParaRPr lang="en-GB"/>
          </a:p>
        </p:txBody>
      </p:sp>
      <p:sp>
        <p:nvSpPr>
          <p:cNvPr id="20" name="Text Placeholder 27">
            <a:extLst>
              <a:ext uri="{FF2B5EF4-FFF2-40B4-BE49-F238E27FC236}">
                <a16:creationId xmlns:a16="http://schemas.microsoft.com/office/drawing/2014/main" id="{371B2AFC-8255-9B93-8329-CC2CB664AA2C}"/>
              </a:ext>
            </a:extLst>
          </p:cNvPr>
          <p:cNvSpPr>
            <a:spLocks noGrp="1"/>
          </p:cNvSpPr>
          <p:nvPr>
            <p:ph type="body" sz="quarter" idx="31" hasCustomPrompt="1"/>
          </p:nvPr>
        </p:nvSpPr>
        <p:spPr>
          <a:xfrm>
            <a:off x="8257708" y="4863600"/>
            <a:ext cx="3276000" cy="442800"/>
          </a:xfrm>
        </p:spPr>
        <p:txBody>
          <a:bodyPr/>
          <a:lstStyle>
            <a:lvl1pPr marL="0" indent="0">
              <a:buNone/>
              <a:defRPr sz="1600"/>
            </a:lvl1pPr>
          </a:lstStyle>
          <a:p>
            <a:pPr lvl="0"/>
            <a:r>
              <a:rPr lang="en-GB" dirty="0"/>
              <a:t>16pt supporting copy description approximately 20 words.</a:t>
            </a:r>
            <a:endParaRPr lang="en-GB"/>
          </a:p>
        </p:txBody>
      </p:sp>
    </p:spTree>
    <p:extLst>
      <p:ext uri="{BB962C8B-B14F-4D97-AF65-F5344CB8AC3E}">
        <p14:creationId xmlns:p14="http://schemas.microsoft.com/office/powerpoint/2010/main" val="356502740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endParaRPr lang="en-GB"/>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endParaRPr lang="en-GB"/>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endParaRPr lang="en-GB"/>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endParaRPr lang="en-GB"/>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endParaRPr lang="en-GB"/>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endParaRPr lang="en-GB"/>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endParaRPr lang="en-GB"/>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endParaRPr lang="en-GB"/>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dirty="0"/>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23119496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endParaRPr lang="en-GB"/>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2" name="Subtitle 2">
            <a:extLst>
              <a:ext uri="{FF2B5EF4-FFF2-40B4-BE49-F238E27FC236}">
                <a16:creationId xmlns:a16="http://schemas.microsoft.com/office/drawing/2014/main" id="{8C1E012E-EACC-66A6-8B75-CBB4916B573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Tree>
    <p:extLst>
      <p:ext uri="{BB962C8B-B14F-4D97-AF65-F5344CB8AC3E}">
        <p14:creationId xmlns:p14="http://schemas.microsoft.com/office/powerpoint/2010/main" val="898379125"/>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endParaRPr lang="en-GB"/>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endParaRPr lang="en-GB"/>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8955044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endParaRPr lang="en-GB"/>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endParaRPr lang="en-GB"/>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3523915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2710963426"/>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315301758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endParaRPr lang="en-GB"/>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875274752"/>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endParaRPr lang="en-GB"/>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endParaRPr lang="en-GB"/>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endParaRPr lang="en-GB"/>
          </a:p>
        </p:txBody>
      </p:sp>
    </p:spTree>
    <p:extLst>
      <p:ext uri="{BB962C8B-B14F-4D97-AF65-F5344CB8AC3E}">
        <p14:creationId xmlns:p14="http://schemas.microsoft.com/office/powerpoint/2010/main" val="412713990"/>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endParaRPr lang="en-GB"/>
          </a:p>
        </p:txBody>
      </p:sp>
    </p:spTree>
    <p:extLst>
      <p:ext uri="{BB962C8B-B14F-4D97-AF65-F5344CB8AC3E}">
        <p14:creationId xmlns:p14="http://schemas.microsoft.com/office/powerpoint/2010/main" val="1309715354"/>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45847060"/>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nd Sub Headin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endParaRPr lang="en-GB"/>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206767630"/>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endParaRPr lang="en-GB"/>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endParaRPr lang="en-GB"/>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endParaRPr lang="en-GB"/>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0" kern="1200" dirty="0">
                <a:solidFill>
                  <a:schemeClr val="accent1"/>
                </a:solidFill>
                <a:latin typeface="+mn-lt"/>
                <a:ea typeface="+mn-ea"/>
                <a:cs typeface="Arial" panose="020B0604020202020204" pitchFamily="34" charset="0"/>
              </a:rPr>
              <a:t>Layout</a:t>
            </a:r>
            <a:r>
              <a:rPr lang="en-GB" sz="1000" b="1" dirty="0">
                <a:solidFill>
                  <a:srgbClr val="000000"/>
                </a:solidFill>
                <a:latin typeface="+mn-lt"/>
                <a:ea typeface="Arial" panose="020B0604020202020204" pitchFamily="34" charset="0"/>
              </a:rPr>
              <a: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endParaRPr lang="en-GB"/>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endParaRPr lang="en-GB"/>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endParaRPr lang="en-GB"/>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endParaRPr lang="en-GB"/>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endParaRPr lang="en-GB"/>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endParaRPr lang="en-GB"/>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endParaRPr lang="en-GB"/>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a:t>
            </a:r>
            <a:r>
              <a:rPr lang="en-GB" altLang="da-DK" sz="1000" b="0" noProof="1">
                <a:solidFill>
                  <a:schemeClr val="tx2"/>
                </a:solidFill>
                <a:latin typeface="+mn-lt"/>
                <a:cs typeface="Arial" panose="020B0604020202020204" pitchFamily="34" charset="0"/>
              </a:rPr>
              <a:t>Important: </a:t>
            </a:r>
            <a:r>
              <a:rPr lang="en-GB" altLang="da-DK" sz="1000" b="0" noProof="1">
                <a:solidFill>
                  <a:schemeClr val="tx1"/>
                </a:solidFill>
                <a:latin typeface="+mn-lt"/>
                <a:cs typeface="Arial" panose="020B0604020202020204" pitchFamily="34" charset="0"/>
              </a:rPr>
              <a:t>delete old, wrong layouts via View &gt; Slidemaster.</a:t>
            </a:r>
            <a:endParaRPr lang="en-GB"/>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endParaRPr lang="en-GB"/>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endParaRPr lang="en-GB"/>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p:cNvGrpSpPr/>
          <p:nvPr userDrawn="1"/>
        </p:nvGrpSpPr>
        <p:grpSpPr>
          <a:xfrm>
            <a:off x="561176" y="1824042"/>
            <a:ext cx="11044248" cy="369332"/>
            <a:chOff x="1630533" y="2085631"/>
            <a:chExt cx="11044247" cy="369332"/>
          </a:xfrm>
        </p:grpSpPr>
        <p:sp>
          <p:nvSpPr>
            <p:cNvPr id="20" name="Section Title" hidden="1"/>
            <p:cNvSpPr txBox="1">
              <a:spLocks/>
            </p:cNvSpPr>
            <p:nvPr userDrawn="1"/>
          </p:nvSpPr>
          <p:spPr>
            <a:xfrm>
              <a:off x="1630533" y="2085631"/>
              <a:ext cx="10177271" cy="369332"/>
            </a:xfrm>
            <a:prstGeom prst="rect">
              <a:avLst/>
            </a:prstGeom>
            <a:noFill/>
          </p:spPr>
          <p:txBody>
            <a:bodyPr wrap="square" rtlCol="0" anchor="ctr">
              <a:noAutofit/>
            </a:bodyPr>
            <a:lstStyle/>
            <a:p>
              <a:pPr defTabSz="9334267">
                <a:tabLst>
                  <a:tab pos="9512062" algn="l"/>
                </a:tabLst>
              </a:pPr>
              <a:r>
                <a:rPr lang="en-GB" sz="2800" dirty="0"/>
                <a:t>&lt;TEXT&gt;</a:t>
              </a:r>
              <a:endParaRPr lang="en-GB"/>
            </a:p>
          </p:txBody>
        </p:sp>
        <p:sp>
          <p:nvSpPr>
            <p:cNvPr id="22" name="Slide Number" hidden="1"/>
            <p:cNvSpPr txBox="1">
              <a:spLocks/>
            </p:cNvSpPr>
            <p:nvPr userDrawn="1"/>
          </p:nvSpPr>
          <p:spPr>
            <a:xfrm>
              <a:off x="12037786" y="2085631"/>
              <a:ext cx="636994" cy="369332"/>
            </a:xfrm>
            <a:prstGeom prst="rect">
              <a:avLst/>
            </a:prstGeom>
            <a:noFill/>
          </p:spPr>
          <p:txBody>
            <a:bodyPr wrap="none" rtlCol="0" anchor="ctr">
              <a:noAutofit/>
            </a:bodyPr>
            <a:lstStyle/>
            <a:p>
              <a:pPr algn="r"/>
              <a:r>
                <a:rPr lang="en-GB" sz="2800" dirty="0"/>
                <a:t>&lt;P&gt;</a:t>
              </a:r>
              <a:endParaRPr lang="en-GB"/>
            </a:p>
          </p:txBody>
        </p:sp>
      </p:grpSp>
      <p:grpSp>
        <p:nvGrpSpPr>
          <p:cNvPr id="4" name="SP Agenda Section Highlight"/>
          <p:cNvGrpSpPr>
            <a:grpSpLocks/>
          </p:cNvGrpSpPr>
          <p:nvPr userDrawn="1"/>
        </p:nvGrpSpPr>
        <p:grpSpPr>
          <a:xfrm>
            <a:off x="561176" y="2384090"/>
            <a:ext cx="11044248" cy="369332"/>
            <a:chOff x="1547504" y="2616963"/>
            <a:chExt cx="11044248" cy="369332"/>
          </a:xfrm>
          <a:noFill/>
        </p:grpSpPr>
        <p:sp>
          <p:nvSpPr>
            <p:cNvPr id="32" name="Section Title" hidden="1"/>
            <p:cNvSpPr txBox="1">
              <a:spLocks/>
            </p:cNvSpPr>
            <p:nvPr userDrawn="1"/>
          </p:nvSpPr>
          <p:spPr>
            <a:xfrm>
              <a:off x="1547504" y="2616963"/>
              <a:ext cx="10177272" cy="369332"/>
            </a:xfrm>
            <a:prstGeom prst="rect">
              <a:avLst/>
            </a:prstGeom>
            <a:grpFill/>
          </p:spPr>
          <p:txBody>
            <a:bodyPr wrap="square" rtlCol="0" anchor="ctr">
              <a:noAutofit/>
            </a:bodyPr>
            <a:lstStyle/>
            <a:p>
              <a:pPr defTabSz="9334267">
                <a:tabLst>
                  <a:tab pos="9512062" algn="l"/>
                </a:tabLst>
              </a:pPr>
              <a:r>
                <a:rPr lang="en-GB" sz="2800" b="0" dirty="0">
                  <a:solidFill>
                    <a:srgbClr val="FF0000"/>
                  </a:solidFill>
                </a:rPr>
                <a:t>&lt;TEXT&gt;</a:t>
              </a:r>
              <a:endParaRPr lang="en-GB"/>
            </a:p>
          </p:txBody>
        </p:sp>
        <p:sp>
          <p:nvSpPr>
            <p:cNvPr id="34" name="Slide Number" hidden="1"/>
            <p:cNvSpPr txBox="1">
              <a:spLocks/>
            </p:cNvSpPr>
            <p:nvPr userDrawn="1"/>
          </p:nvSpPr>
          <p:spPr>
            <a:xfrm>
              <a:off x="11954758" y="2616963"/>
              <a:ext cx="636994" cy="369332"/>
            </a:xfrm>
            <a:prstGeom prst="rect">
              <a:avLst/>
            </a:prstGeom>
            <a:grpFill/>
          </p:spPr>
          <p:txBody>
            <a:bodyPr wrap="none" rtlCol="0" anchor="ctr">
              <a:noAutofit/>
            </a:bodyPr>
            <a:lstStyle/>
            <a:p>
              <a:pPr algn="r"/>
              <a:r>
                <a:rPr lang="en-GB" sz="2800" b="0" dirty="0">
                  <a:solidFill>
                    <a:srgbClr val="FF0000"/>
                  </a:solidFill>
                </a:rPr>
                <a:t>&lt;P&gt;</a:t>
              </a:r>
              <a:endParaRPr lang="en-GB"/>
            </a:p>
          </p:txBody>
        </p:sp>
      </p:grpSp>
      <p:grpSp>
        <p:nvGrpSpPr>
          <p:cNvPr id="8" name="SP Agenda Subsection"/>
          <p:cNvGrpSpPr>
            <a:grpSpLocks/>
          </p:cNvGrpSpPr>
          <p:nvPr userDrawn="1"/>
        </p:nvGrpSpPr>
        <p:grpSpPr>
          <a:xfrm>
            <a:off x="561176" y="2943456"/>
            <a:ext cx="11044248" cy="369332"/>
            <a:chOff x="2062894" y="3155687"/>
            <a:chExt cx="11044247" cy="369332"/>
          </a:xfrm>
        </p:grpSpPr>
        <p:sp>
          <p:nvSpPr>
            <p:cNvPr id="39" name="Section Title" hidden="1"/>
            <p:cNvSpPr txBox="1">
              <a:spLocks/>
            </p:cNvSpPr>
            <p:nvPr userDrawn="1"/>
          </p:nvSpPr>
          <p:spPr>
            <a:xfrm>
              <a:off x="2062894" y="3155687"/>
              <a:ext cx="10178541" cy="369332"/>
            </a:xfrm>
            <a:prstGeom prst="rect">
              <a:avLst/>
            </a:prstGeom>
            <a:noFill/>
          </p:spPr>
          <p:txBody>
            <a:bodyPr wrap="square" rtlCol="0" anchor="ctr">
              <a:noAutofit/>
            </a:bodyPr>
            <a:lstStyle/>
            <a:p>
              <a:pPr defTabSz="9334267">
                <a:tabLst>
                  <a:tab pos="9512062" algn="l"/>
                </a:tabLst>
              </a:pPr>
              <a:r>
                <a:rPr lang="en-GB" sz="2800" dirty="0"/>
                <a:t>&lt;TEXT&gt;</a:t>
              </a:r>
              <a:endParaRPr lang="en-GB"/>
            </a:p>
          </p:txBody>
        </p:sp>
        <p:sp>
          <p:nvSpPr>
            <p:cNvPr id="41" name="Slide Number" hidden="1"/>
            <p:cNvSpPr txBox="1">
              <a:spLocks/>
            </p:cNvSpPr>
            <p:nvPr userDrawn="1"/>
          </p:nvSpPr>
          <p:spPr>
            <a:xfrm>
              <a:off x="12470147" y="3155687"/>
              <a:ext cx="636994" cy="369332"/>
            </a:xfrm>
            <a:prstGeom prst="rect">
              <a:avLst/>
            </a:prstGeom>
            <a:noFill/>
          </p:spPr>
          <p:txBody>
            <a:bodyPr wrap="none" rtlCol="0" anchor="ctr">
              <a:noAutofit/>
            </a:bodyPr>
            <a:lstStyle/>
            <a:p>
              <a:pPr algn="r"/>
              <a:r>
                <a:rPr lang="en-GB" sz="2800" dirty="0"/>
                <a:t>&lt;P&gt;</a:t>
              </a:r>
              <a:endParaRPr lang="en-GB"/>
            </a:p>
          </p:txBody>
        </p:sp>
      </p:grpSp>
      <p:grpSp>
        <p:nvGrpSpPr>
          <p:cNvPr id="9" name="SP Agenda Subsection Highlight"/>
          <p:cNvGrpSpPr>
            <a:grpSpLocks/>
          </p:cNvGrpSpPr>
          <p:nvPr userDrawn="1"/>
        </p:nvGrpSpPr>
        <p:grpSpPr>
          <a:xfrm>
            <a:off x="561176" y="3502822"/>
            <a:ext cx="11044248" cy="369332"/>
            <a:chOff x="2062894" y="3694411"/>
            <a:chExt cx="11044248" cy="369332"/>
          </a:xfrm>
          <a:noFill/>
        </p:grpSpPr>
        <p:sp>
          <p:nvSpPr>
            <p:cNvPr id="46" name="Section Title" hidden="1"/>
            <p:cNvSpPr txBox="1">
              <a:spLocks/>
            </p:cNvSpPr>
            <p:nvPr userDrawn="1"/>
          </p:nvSpPr>
          <p:spPr>
            <a:xfrm>
              <a:off x="2062894" y="3694411"/>
              <a:ext cx="10177272" cy="369332"/>
            </a:xfrm>
            <a:prstGeom prst="rect">
              <a:avLst/>
            </a:prstGeom>
            <a:grpFill/>
          </p:spPr>
          <p:txBody>
            <a:bodyPr wrap="square" rtlCol="0" anchor="ctr">
              <a:noAutofit/>
            </a:bodyPr>
            <a:lstStyle/>
            <a:p>
              <a:pPr defTabSz="9334267">
                <a:tabLst>
                  <a:tab pos="9512062" algn="l"/>
                </a:tabLst>
              </a:pPr>
              <a:r>
                <a:rPr lang="en-GB" sz="2800" b="0" dirty="0">
                  <a:solidFill>
                    <a:srgbClr val="FF0000"/>
                  </a:solidFill>
                </a:rPr>
                <a:t>&lt;TEXT&gt;</a:t>
              </a:r>
              <a:endParaRPr lang="en-GB"/>
            </a:p>
          </p:txBody>
        </p:sp>
        <p:sp>
          <p:nvSpPr>
            <p:cNvPr id="48" name="Slide Number" hidden="1"/>
            <p:cNvSpPr txBox="1">
              <a:spLocks/>
            </p:cNvSpPr>
            <p:nvPr userDrawn="1"/>
          </p:nvSpPr>
          <p:spPr>
            <a:xfrm>
              <a:off x="12470148" y="3694411"/>
              <a:ext cx="636994" cy="369332"/>
            </a:xfrm>
            <a:prstGeom prst="rect">
              <a:avLst/>
            </a:prstGeom>
            <a:grpFill/>
          </p:spPr>
          <p:txBody>
            <a:bodyPr wrap="none" rtlCol="0" anchor="ctr">
              <a:noAutofit/>
            </a:bodyPr>
            <a:lstStyle/>
            <a:p>
              <a:pPr algn="r"/>
              <a:r>
                <a:rPr lang="en-GB" sz="2800" b="0" dirty="0">
                  <a:solidFill>
                    <a:srgbClr val="FF0000"/>
                  </a:solidFill>
                </a:rPr>
                <a:t>&lt;P&gt;</a:t>
              </a:r>
              <a:endParaRPr lang="en-GB"/>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GB"/>
              <a:t>Agenda</a:t>
            </a:r>
          </a:p>
        </p:txBody>
      </p:sp>
      <p:sp>
        <p:nvSpPr>
          <p:cNvPr id="5" name="Footer Placeholder 4">
            <a:extLst>
              <a:ext uri="{FF2B5EF4-FFF2-40B4-BE49-F238E27FC236}">
                <a16:creationId xmlns:a16="http://schemas.microsoft.com/office/drawing/2014/main" id="{A9FBEFEC-359D-D160-AEE7-F254D69420B2}"/>
              </a:ext>
            </a:extLst>
          </p:cNvPr>
          <p:cNvSpPr>
            <a:spLocks noGrp="1"/>
          </p:cNvSpPr>
          <p:nvPr>
            <p:ph type="ftr" sz="quarter" idx="11"/>
          </p:nvPr>
        </p:nvSpPr>
        <p:spPr/>
        <p:txBody>
          <a:bodyPr/>
          <a:lstStyle/>
          <a:p>
            <a:endParaRPr lang="en-GB" dirty="0"/>
          </a:p>
        </p:txBody>
      </p:sp>
      <p:sp>
        <p:nvSpPr>
          <p:cNvPr id="6" name="Slide Number Placeholder 5">
            <a:extLst>
              <a:ext uri="{FF2B5EF4-FFF2-40B4-BE49-F238E27FC236}">
                <a16:creationId xmlns:a16="http://schemas.microsoft.com/office/drawing/2014/main" id="{A5CF6DE4-A646-EA9C-D643-88332CC3E179}"/>
              </a:ext>
            </a:extLst>
          </p:cNvPr>
          <p:cNvSpPr>
            <a:spLocks noGrp="1"/>
          </p:cNvSpPr>
          <p:nvPr>
            <p:ph type="sldNum" sz="quarter" idx="12"/>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GB" sz="4000" b="0" dirty="0">
                  <a:solidFill>
                    <a:schemeClr val="tx1"/>
                  </a:solidFill>
                </a:rPr>
                <a:t>&lt;TEXT&gt;</a:t>
              </a:r>
              <a:endParaRPr lang="en-GB"/>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GB" sz="4000" b="0" dirty="0">
                  <a:solidFill>
                    <a:srgbClr val="000000">
                      <a:alpha val="0"/>
                    </a:srgbClr>
                  </a:solidFill>
                </a:rPr>
                <a:t>&lt;N&gt;</a:t>
              </a:r>
              <a:endParaRPr lang="en-GB"/>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GB" sz="4000" b="0" dirty="0">
                  <a:solidFill>
                    <a:srgbClr val="000000">
                      <a:alpha val="0"/>
                    </a:srgbClr>
                  </a:solidFill>
                </a:rPr>
                <a:t>&lt;P&gt;</a:t>
              </a:r>
              <a:endParaRPr lang="en-GB"/>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4000" b="0" dirty="0">
                  <a:solidFill>
                    <a:srgbClr val="000000">
                      <a:alpha val="0"/>
                    </a:srgbClr>
                  </a:solidFill>
                </a:rPr>
                <a:t>&lt;TIMESLOT&gt;</a:t>
              </a:r>
              <a:endParaRPr lang="en-GB"/>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4000" b="0" dirty="0">
                  <a:solidFill>
                    <a:srgbClr val="000000">
                      <a:alpha val="0"/>
                    </a:srgbClr>
                  </a:solidFill>
                </a:rPr>
                <a:t>&lt;RESPONSIBLE&gt;</a:t>
              </a:r>
              <a:endParaRPr lang="en-GB"/>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4000" b="0" dirty="0">
                  <a:solidFill>
                    <a:srgbClr val="000000">
                      <a:alpha val="0"/>
                    </a:srgbClr>
                  </a:solidFill>
                </a:rPr>
                <a:t>&lt;DURATION&gt;</a:t>
              </a:r>
              <a:endParaRPr lang="en-GB"/>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GB" sz="4000" b="0" dirty="0">
                  <a:solidFill>
                    <a:schemeClr val="tx1"/>
                  </a:solidFill>
                </a:rPr>
                <a:t>&lt;TEXT&gt;</a:t>
              </a:r>
              <a:endParaRPr lang="en-GB"/>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GB" sz="4000" b="0" dirty="0">
                  <a:solidFill>
                    <a:srgbClr val="000000">
                      <a:alpha val="0"/>
                    </a:srgbClr>
                  </a:solidFill>
                </a:rPr>
                <a:t>&lt;N&gt;</a:t>
              </a:r>
              <a:endParaRPr lang="en-GB"/>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GB" sz="4000" b="0" dirty="0">
                  <a:solidFill>
                    <a:srgbClr val="000000">
                      <a:alpha val="0"/>
                    </a:srgbClr>
                  </a:solidFill>
                </a:rPr>
                <a:t>&lt;P&gt;</a:t>
              </a:r>
              <a:endParaRPr lang="en-GB"/>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4000" b="0" dirty="0">
                  <a:solidFill>
                    <a:srgbClr val="000000">
                      <a:alpha val="0"/>
                    </a:srgbClr>
                  </a:solidFill>
                </a:rPr>
                <a:t>&lt;TIMESLOT&gt;</a:t>
              </a:r>
              <a:endParaRPr lang="en-GB"/>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4000" b="0" dirty="0">
                  <a:solidFill>
                    <a:srgbClr val="000000">
                      <a:alpha val="0"/>
                    </a:srgbClr>
                  </a:solidFill>
                </a:rPr>
                <a:t>&lt;RESPONSIBLE&gt;</a:t>
              </a:r>
              <a:endParaRPr lang="en-GB"/>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4000" b="0" dirty="0">
                  <a:solidFill>
                    <a:srgbClr val="000000">
                      <a:alpha val="0"/>
                    </a:srgbClr>
                  </a:solidFill>
                </a:rPr>
                <a:t>&lt;DURATION&gt;</a:t>
              </a:r>
              <a:endParaRPr lang="en-GB"/>
            </a:p>
          </p:txBody>
        </p:sp>
      </p:grpSp>
      <p:sp>
        <p:nvSpPr>
          <p:cNvPr id="2" name="Footer Placeholder 1">
            <a:extLst>
              <a:ext uri="{FF2B5EF4-FFF2-40B4-BE49-F238E27FC236}">
                <a16:creationId xmlns:a16="http://schemas.microsoft.com/office/drawing/2014/main" id="{C83736B0-A6D4-AD48-5A96-28F392F7DB5E}"/>
              </a:ext>
            </a:extLst>
          </p:cNvPr>
          <p:cNvSpPr>
            <a:spLocks noGrp="1"/>
          </p:cNvSpPr>
          <p:nvPr>
            <p:ph type="ftr" sz="quarter" idx="10"/>
          </p:nvPr>
        </p:nvSpPr>
        <p:spPr/>
        <p:txBody>
          <a:bodyPr/>
          <a:lstStyle/>
          <a:p>
            <a:endParaRPr lang="en-GB" dirty="0"/>
          </a:p>
        </p:txBody>
      </p:sp>
      <p:sp>
        <p:nvSpPr>
          <p:cNvPr id="3" name="Slide Number Placeholder 2">
            <a:extLst>
              <a:ext uri="{FF2B5EF4-FFF2-40B4-BE49-F238E27FC236}">
                <a16:creationId xmlns:a16="http://schemas.microsoft.com/office/drawing/2014/main" id="{1E428DDA-7B7B-FC9D-3059-139EC9E4E241}"/>
              </a:ext>
            </a:extLst>
          </p:cNvPr>
          <p:cNvSpPr>
            <a:spLocks noGrp="1"/>
          </p:cNvSpPr>
          <p:nvPr>
            <p:ph type="sldNum" sz="quarter" idx="1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1_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US"/>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rmAutofit/>
          </a:bodyPr>
          <a:lstStyle>
            <a:lvl1pPr marL="0" indent="0" algn="l">
              <a:buNone/>
              <a:defRPr lang="en-GB" sz="1600" b="1" kern="1200" dirty="0">
                <a:solidFill>
                  <a:schemeClr val="tx2"/>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US"/>
              <a:t>Optional heading</a:t>
            </a:r>
          </a:p>
        </p:txBody>
      </p:sp>
      <p:sp>
        <p:nvSpPr>
          <p:cNvPr id="17" name="Content Placeholder 16">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8"/>
            <a:ext cx="10874375" cy="4389437"/>
          </a:xfrm>
        </p:spPr>
        <p:txBody>
          <a:bodyPr/>
          <a:lstStyle>
            <a:lvl1pPr>
              <a:defRPr/>
            </a:lvl1pPr>
            <a:lvl5pPr>
              <a:defRPr/>
            </a:lvl5pPr>
          </a:lstStyle>
          <a:p>
            <a:pPr lvl="0"/>
            <a:r>
              <a:rPr lang="en-US"/>
              <a:t>Click to add text, image or graph/table</a:t>
            </a:r>
          </a:p>
          <a:p>
            <a:pPr lvl="1"/>
            <a:r>
              <a:rPr lang="en-US"/>
              <a:t>Second level</a:t>
            </a:r>
          </a:p>
          <a:p>
            <a:pPr lvl="2"/>
            <a:r>
              <a:rPr lang="en-US"/>
              <a:t>Third level</a:t>
            </a:r>
          </a:p>
          <a:p>
            <a:pPr lvl="3"/>
            <a:r>
              <a:rPr lang="en-US"/>
              <a:t>Fourth level</a:t>
            </a:r>
          </a:p>
          <a:p>
            <a:pPr lvl="4"/>
            <a:r>
              <a:rPr lang="en-US"/>
              <a:t>Fifth level</a:t>
            </a:r>
          </a:p>
          <a:p>
            <a:pPr lvl="5"/>
            <a:r>
              <a:rPr lang="en-US"/>
              <a:t>Level 6</a:t>
            </a:r>
          </a:p>
          <a:p>
            <a:pPr lvl="6"/>
            <a:r>
              <a:rPr lang="en-US"/>
              <a:t>Level 7</a:t>
            </a:r>
          </a:p>
          <a:p>
            <a:pPr lvl="7"/>
            <a:r>
              <a:rPr lang="en-US"/>
              <a:t>Level 8</a:t>
            </a:r>
          </a:p>
          <a:p>
            <a:pPr lvl="8"/>
            <a:r>
              <a:rPr lang="en-US"/>
              <a:t>Level 9</a:t>
            </a:r>
          </a:p>
          <a:p>
            <a:pPr lvl="8"/>
            <a:endParaRPr lang="en-US"/>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r>
              <a:rPr lang="en-US"/>
              <a:t>CLIENT XY x Arup | Sustainability Project Advisor / CITY X | 603428-48 | Issue 0.9 | May 30, 2024</a:t>
            </a:r>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US" smtClean="0"/>
              <a:pPr/>
              <a:t>‹#›</a:t>
            </a:fld>
            <a:endParaRPr lang="en-US"/>
          </a:p>
        </p:txBody>
      </p:sp>
    </p:spTree>
    <p:extLst>
      <p:ext uri="{BB962C8B-B14F-4D97-AF65-F5344CB8AC3E}">
        <p14:creationId xmlns:p14="http://schemas.microsoft.com/office/powerpoint/2010/main" val="704153992"/>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138888899"/>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18826717"/>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type="twoObj">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609600" y="1600201"/>
            <a:ext cx="5384800" cy="4525963"/>
          </a:xfrm>
        </p:spPr>
        <p:txBody>
          <a:bodyPr/>
          <a:lstStyle>
            <a:lvl1pPr>
              <a:defRPr sz="3733"/>
            </a:lvl1pPr>
            <a:lvl2pPr>
              <a:defRPr sz="3200"/>
            </a:lvl2pPr>
            <a:lvl3pPr>
              <a:defRPr sz="2667"/>
            </a:lvl3pPr>
            <a:lvl4pPr>
              <a:defRPr sz="2400"/>
            </a:lvl4pPr>
            <a:lvl5pPr>
              <a:defRPr sz="2400"/>
            </a:lvl5pPr>
            <a:lvl6pPr>
              <a:defRPr sz="2400"/>
            </a:lvl6pPr>
            <a:lvl7pPr>
              <a:defRPr sz="2400"/>
            </a:lvl7pPr>
            <a:lvl8pPr>
              <a:defRPr sz="2400"/>
            </a:lvl8pPr>
            <a:lvl9pPr>
              <a:defRPr sz="2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197600" y="1600201"/>
            <a:ext cx="5384800" cy="4525963"/>
          </a:xfrm>
        </p:spPr>
        <p:txBody>
          <a:bodyPr/>
          <a:lstStyle>
            <a:lvl1pPr>
              <a:defRPr sz="3733"/>
            </a:lvl1pPr>
            <a:lvl2pPr>
              <a:defRPr sz="3200"/>
            </a:lvl2pPr>
            <a:lvl3pPr>
              <a:defRPr sz="2667"/>
            </a:lvl3pPr>
            <a:lvl4pPr>
              <a:defRPr sz="2400"/>
            </a:lvl4pPr>
            <a:lvl5pPr>
              <a:defRPr sz="2400"/>
            </a:lvl5pPr>
            <a:lvl6pPr>
              <a:defRPr sz="2400"/>
            </a:lvl6pPr>
            <a:lvl7pPr>
              <a:defRPr sz="2400"/>
            </a:lvl7pPr>
            <a:lvl8pPr>
              <a:defRPr sz="2400"/>
            </a:lvl8pPr>
            <a:lvl9pPr>
              <a:defRPr sz="2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p:cNvSpPr>
            <a:spLocks noGrp="1"/>
          </p:cNvSpPr>
          <p:nvPr>
            <p:ph type="dt" sz="half" idx="10"/>
          </p:nvPr>
        </p:nvSpPr>
        <p:spPr/>
        <p:txBody>
          <a:bodyPr/>
          <a:lstStyle/>
          <a:p>
            <a:fld id="{596C8942-A2F1-F448-9CEA-6782AF35BF39}" type="datetime1">
              <a:rPr lang="en-GB" smtClean="0"/>
              <a:t>07/09/2025</a:t>
            </a:fld>
            <a:endParaRPr lang="en-US"/>
          </a:p>
        </p:txBody>
      </p:sp>
      <p:sp>
        <p:nvSpPr>
          <p:cNvPr id="6" name="Footer Placeholder 5"/>
          <p:cNvSpPr>
            <a:spLocks noGrp="1"/>
          </p:cNvSpPr>
          <p:nvPr>
            <p:ph type="ftr" sz="quarter" idx="11"/>
          </p:nvPr>
        </p:nvSpPr>
        <p:spPr/>
        <p:txBody>
          <a:bodyPr/>
          <a:lstStyle/>
          <a:p>
            <a:r>
              <a:rPr lang="en-US"/>
              <a:t>Institution of Civil Engineers</a:t>
            </a:r>
          </a:p>
        </p:txBody>
      </p:sp>
      <p:sp>
        <p:nvSpPr>
          <p:cNvPr id="7" name="Slide Number Placeholder 6"/>
          <p:cNvSpPr>
            <a:spLocks noGrp="1"/>
          </p:cNvSpPr>
          <p:nvPr>
            <p:ph type="sldNum" sz="quarter" idx="12"/>
          </p:nvPr>
        </p:nvSpPr>
        <p:spPr/>
        <p:txBody>
          <a:bodyPr/>
          <a:lstStyle/>
          <a:p>
            <a:fld id="{34AFA7FE-CD8C-F049-A609-816E200170F9}" type="slidenum">
              <a:rPr lang="en-US" smtClean="0"/>
              <a:t>‹#›</a:t>
            </a:fld>
            <a:endParaRPr lang="en-US"/>
          </a:p>
        </p:txBody>
      </p:sp>
    </p:spTree>
    <p:extLst>
      <p:ext uri="{BB962C8B-B14F-4D97-AF65-F5344CB8AC3E}">
        <p14:creationId xmlns:p14="http://schemas.microsoft.com/office/powerpoint/2010/main" val="1806062418"/>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endParaRPr lang="en-GB"/>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a:t>
            </a:r>
            <a:endParaRPr lang="en-GB"/>
          </a:p>
          <a:p>
            <a:pPr lvl="8"/>
            <a:r>
              <a:rPr lang="en-GB" dirty="0"/>
              <a:t>Ninth level</a:t>
            </a:r>
            <a:endParaRPr lang="en-GB"/>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	</a:t>
            </a:r>
            <a:endParaRPr lang="en-GB"/>
          </a:p>
          <a:p>
            <a:pPr lvl="8"/>
            <a:r>
              <a:rPr lang="en-GB" dirty="0"/>
              <a:t>Ninth level</a:t>
            </a:r>
            <a:endParaRPr lang="en-GB"/>
          </a:p>
        </p:txBody>
      </p:sp>
      <p:sp>
        <p:nvSpPr>
          <p:cNvPr id="3" name="Footer Placeholder 2">
            <a:extLst>
              <a:ext uri="{FF2B5EF4-FFF2-40B4-BE49-F238E27FC236}">
                <a16:creationId xmlns:a16="http://schemas.microsoft.com/office/drawing/2014/main" id="{00E81942-8001-DCCC-7828-47294F4C4FE1}"/>
              </a:ext>
            </a:extLst>
          </p:cNvPr>
          <p:cNvSpPr>
            <a:spLocks noGrp="1"/>
          </p:cNvSpPr>
          <p:nvPr>
            <p:ph type="ftr" sz="quarter" idx="29"/>
          </p:nvPr>
        </p:nvSpPr>
        <p:spPr/>
        <p:txBody>
          <a:bodyPr/>
          <a:lstStyle/>
          <a:p>
            <a:endParaRPr lang="en-GB" dirty="0"/>
          </a:p>
        </p:txBody>
      </p:sp>
      <p:sp>
        <p:nvSpPr>
          <p:cNvPr id="4" name="Slide Number Placeholder 3">
            <a:extLst>
              <a:ext uri="{FF2B5EF4-FFF2-40B4-BE49-F238E27FC236}">
                <a16:creationId xmlns:a16="http://schemas.microsoft.com/office/drawing/2014/main" id="{B672818F-4626-B6F2-0ED2-D17F2A490B1A}"/>
              </a:ext>
            </a:extLst>
          </p:cNvPr>
          <p:cNvSpPr>
            <a:spLocks noGrp="1"/>
          </p:cNvSpPr>
          <p:nvPr>
            <p:ph type="sldNum" sz="quarter" idx="3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48304827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endParaRPr lang="en-GB"/>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a:t>
            </a:r>
            <a:endParaRPr lang="en-GB"/>
          </a:p>
          <a:p>
            <a:pPr lvl="8"/>
            <a:r>
              <a:rPr lang="en-GB" dirty="0"/>
              <a:t>Ninth level</a:t>
            </a:r>
            <a:endParaRPr lang="en-GB"/>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a:t>
            </a:r>
            <a:endParaRPr lang="en-GB"/>
          </a:p>
          <a:p>
            <a:pPr lvl="8"/>
            <a:r>
              <a:rPr lang="en-GB" dirty="0"/>
              <a:t>Ninth level</a:t>
            </a:r>
            <a:endParaRPr lang="en-GB"/>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GB" dirty="0"/>
              <a:t>© Copyright</a:t>
            </a:r>
            <a:endParaRPr lang="en-GB"/>
          </a:p>
        </p:txBody>
      </p:sp>
    </p:spTree>
    <p:extLst>
      <p:ext uri="{BB962C8B-B14F-4D97-AF65-F5344CB8AC3E}">
        <p14:creationId xmlns:p14="http://schemas.microsoft.com/office/powerpoint/2010/main" val="160546467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endParaRPr lang="en-GB"/>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endParaRPr lang="en-GB"/>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9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endParaRPr lang="en-GB"/>
          </a:p>
          <a:p>
            <a:pPr lvl="1"/>
            <a:r>
              <a:rPr lang="en-GB" dirty="0"/>
              <a:t>Agenda item title</a:t>
            </a:r>
            <a:endParaRPr lang="en-GB"/>
          </a:p>
          <a:p>
            <a:pPr lvl="2"/>
            <a:r>
              <a:rPr lang="en-GB" dirty="0"/>
              <a:t>Agenda item title</a:t>
            </a:r>
            <a:endParaRPr lang="en-GB"/>
          </a:p>
          <a:p>
            <a:pPr lvl="3"/>
            <a:r>
              <a:rPr lang="en-GB" dirty="0"/>
              <a:t>Agenda item title</a:t>
            </a:r>
            <a:endParaRPr lang="en-GB"/>
          </a:p>
          <a:p>
            <a:pPr lvl="4"/>
            <a:r>
              <a:rPr lang="en-GB" dirty="0"/>
              <a:t>Agenda item title</a:t>
            </a:r>
            <a:endParaRPr lang="en-GB"/>
          </a:p>
          <a:p>
            <a:pPr lvl="5"/>
            <a:r>
              <a:rPr lang="en-GB" dirty="0"/>
              <a:t>Agenda item title</a:t>
            </a:r>
            <a:endParaRPr lang="en-GB"/>
          </a:p>
          <a:p>
            <a:pPr lvl="6"/>
            <a:r>
              <a:rPr lang="en-GB" dirty="0"/>
              <a:t>Agenda item title</a:t>
            </a:r>
            <a:endParaRPr lang="en-GB"/>
          </a:p>
        </p:txBody>
      </p:sp>
    </p:spTree>
    <p:extLst>
      <p:ext uri="{BB962C8B-B14F-4D97-AF65-F5344CB8AC3E}">
        <p14:creationId xmlns:p14="http://schemas.microsoft.com/office/powerpoint/2010/main" val="16774799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endParaRPr lang="en-GB"/>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 </a:t>
            </a:r>
            <a:r>
              <a:rPr lang="en-GB" dirty="0" err="1"/>
              <a:t>sdf</a:t>
            </a:r>
            <a:endParaRPr lang="en-GB" dirty="0"/>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01768921"/>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image" Target="../media/image1.png"/><Relationship Id="rId5" Type="http://schemas.openxmlformats.org/officeDocument/2006/relationships/slideLayout" Target="../slideLayouts/slideLayout5.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image" Target="../media/image2.svg"/><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theme" Target="../theme/theme1.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7.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endParaRPr lang="en-GB"/>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a:t>
            </a:r>
            <a:endParaRPr lang="en-GB"/>
          </a:p>
          <a:p>
            <a:pPr lvl="7"/>
            <a:r>
              <a:rPr lang="en-GB" dirty="0"/>
              <a:t>Eight level</a:t>
            </a:r>
            <a:endParaRPr lang="en-GB"/>
          </a:p>
          <a:p>
            <a:pPr lvl="8"/>
            <a:r>
              <a:rPr lang="en-GB" dirty="0"/>
              <a:t>Ninth level</a:t>
            </a:r>
            <a:endParaRPr lang="en-GB"/>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8">
            <a:extLst>
              <a:ext uri="{96DAC541-7B7A-43D3-8B79-37D633B846F1}">
                <asvg:svgBlip xmlns:asvg="http://schemas.microsoft.com/office/drawing/2016/SVG/main" r:embed="rId59"/>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33" r:id="rId3"/>
    <p:sldLayoutId id="2147483910" r:id="rId4"/>
    <p:sldLayoutId id="2147483935" r:id="rId5"/>
    <p:sldLayoutId id="2147483840" r:id="rId6"/>
    <p:sldLayoutId id="2147483792" r:id="rId7"/>
    <p:sldLayoutId id="2147483908" r:id="rId8"/>
    <p:sldLayoutId id="2147483663" r:id="rId9"/>
    <p:sldLayoutId id="2147483699" r:id="rId10"/>
    <p:sldLayoutId id="2147483650" r:id="rId11"/>
    <p:sldLayoutId id="2147483751" r:id="rId12"/>
    <p:sldLayoutId id="2147483664" r:id="rId13"/>
    <p:sldLayoutId id="2147483691" r:id="rId14"/>
    <p:sldLayoutId id="2147483690" r:id="rId15"/>
    <p:sldLayoutId id="2147483923" r:id="rId16"/>
    <p:sldLayoutId id="2147483825" r:id="rId17"/>
    <p:sldLayoutId id="2147483928" r:id="rId18"/>
    <p:sldLayoutId id="2147483929" r:id="rId19"/>
    <p:sldLayoutId id="2147483890" r:id="rId20"/>
    <p:sldLayoutId id="2147483920" r:id="rId21"/>
    <p:sldLayoutId id="2147483926" r:id="rId22"/>
    <p:sldLayoutId id="2147483930" r:id="rId23"/>
    <p:sldLayoutId id="2147483927" r:id="rId24"/>
    <p:sldLayoutId id="2147483827" r:id="rId25"/>
    <p:sldLayoutId id="2147483912" r:id="rId26"/>
    <p:sldLayoutId id="2147483913" r:id="rId27"/>
    <p:sldLayoutId id="2147483914" r:id="rId28"/>
    <p:sldLayoutId id="2147483838" r:id="rId29"/>
    <p:sldLayoutId id="2147483836" r:id="rId30"/>
    <p:sldLayoutId id="2147483837" r:id="rId31"/>
    <p:sldLayoutId id="2147483921" r:id="rId32"/>
    <p:sldLayoutId id="2147483917" r:id="rId33"/>
    <p:sldLayoutId id="2147483916" r:id="rId34"/>
    <p:sldLayoutId id="2147483925" r:id="rId35"/>
    <p:sldLayoutId id="2147483934" r:id="rId36"/>
    <p:sldLayoutId id="2147483924" r:id="rId37"/>
    <p:sldLayoutId id="2147483922" r:id="rId38"/>
    <p:sldLayoutId id="2147483919" r:id="rId39"/>
    <p:sldLayoutId id="2147483867" r:id="rId40"/>
    <p:sldLayoutId id="2147483868" r:id="rId41"/>
    <p:sldLayoutId id="2147483869" r:id="rId42"/>
    <p:sldLayoutId id="2147483870" r:id="rId43"/>
    <p:sldLayoutId id="2147483871" r:id="rId44"/>
    <p:sldLayoutId id="2147483882" r:id="rId45"/>
    <p:sldLayoutId id="2147483883" r:id="rId46"/>
    <p:sldLayoutId id="2147483911" r:id="rId47"/>
    <p:sldLayoutId id="2147483884" r:id="rId48"/>
    <p:sldLayoutId id="2147483885" r:id="rId49"/>
    <p:sldLayoutId id="2147483909" r:id="rId50"/>
    <p:sldLayoutId id="2147483931" r:id="rId51"/>
    <p:sldLayoutId id="2147483932" r:id="rId52"/>
    <p:sldLayoutId id="2147483989" r:id="rId53"/>
    <p:sldLayoutId id="2147483992" r:id="rId54"/>
    <p:sldLayoutId id="2147483993" r:id="rId55"/>
    <p:sldLayoutId id="2147483994" r:id="rId56"/>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GB" dirty="0"/>
              <a:t>Click to edit Master title style</a:t>
            </a:r>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8.xml"/><Relationship Id="rId1" Type="http://schemas.openxmlformats.org/officeDocument/2006/relationships/customXml" Target="../../customXml/item7.xml"/><Relationship Id="rId5" Type="http://schemas.openxmlformats.org/officeDocument/2006/relationships/hyperlink" Target="https://surviveready.com/navigating-without-a-compass/" TargetMode="External"/><Relationship Id="rId4" Type="http://schemas.openxmlformats.org/officeDocument/2006/relationships/image" Target="../media/image17.jp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1.xml.rels><?xml version="1.0" encoding="UTF-8" standalone="yes"?>
<Relationships xmlns="http://schemas.openxmlformats.org/package/2006/relationships"><Relationship Id="rId2" Type="http://schemas.openxmlformats.org/officeDocument/2006/relationships/image" Target="../media/image33.png"/><Relationship Id="rId1" Type="http://schemas.openxmlformats.org/officeDocument/2006/relationships/slideLayout" Target="../slideLayouts/slideLayout56.xml"/></Relationships>
</file>

<file path=ppt/slides/_rels/slide12.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4.xml"/><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35.jpeg"/><Relationship Id="rId1" Type="http://schemas.openxmlformats.org/officeDocument/2006/relationships/slideLayout" Target="../slideLayouts/slideLayout41.xml"/><Relationship Id="rId4" Type="http://schemas.openxmlformats.org/officeDocument/2006/relationships/image" Target="../media/image36.svg"/></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5.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notesSlide" Target="../notesSlides/notesSlide5.xml"/><Relationship Id="rId1" Type="http://schemas.openxmlformats.org/officeDocument/2006/relationships/slideLayout" Target="../slideLayouts/slideLayout54.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image" Target="../media/image38.png"/><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2" Type="http://schemas.openxmlformats.org/officeDocument/2006/relationships/image" Target="../media/image39.png"/><Relationship Id="rId1" Type="http://schemas.openxmlformats.org/officeDocument/2006/relationships/slideLayout" Target="../slideLayouts/slideLayout9.xml"/></Relationships>
</file>

<file path=ppt/slides/_rels/slide19.xml.rels><?xml version="1.0" encoding="UTF-8" standalone="yes"?>
<Relationships xmlns="http://schemas.openxmlformats.org/package/2006/relationships"><Relationship Id="rId3" Type="http://schemas.openxmlformats.org/officeDocument/2006/relationships/image" Target="../media/image40.jpeg"/><Relationship Id="rId2" Type="http://schemas.openxmlformats.org/officeDocument/2006/relationships/notesSlide" Target="../notesSlides/notesSlide7.xml"/><Relationship Id="rId1" Type="http://schemas.openxmlformats.org/officeDocument/2006/relationships/slideLayout" Target="../slideLayouts/slideLayout55.xml"/></Relationships>
</file>

<file path=ppt/slides/_rels/slide2.xml.rels><?xml version="1.0" encoding="UTF-8" standalone="yes"?>
<Relationships xmlns="http://schemas.openxmlformats.org/package/2006/relationships"><Relationship Id="rId8" Type="http://schemas.openxmlformats.org/officeDocument/2006/relationships/image" Target="../media/image2.svg"/><Relationship Id="rId13" Type="http://schemas.openxmlformats.org/officeDocument/2006/relationships/image" Target="../media/image24.png"/><Relationship Id="rId3" Type="http://schemas.openxmlformats.org/officeDocument/2006/relationships/notesSlide" Target="../notesSlides/notesSlide1.xml"/><Relationship Id="rId7" Type="http://schemas.openxmlformats.org/officeDocument/2006/relationships/image" Target="../media/image1.png"/><Relationship Id="rId12" Type="http://schemas.openxmlformats.org/officeDocument/2006/relationships/image" Target="../media/image23.png"/><Relationship Id="rId2" Type="http://schemas.openxmlformats.org/officeDocument/2006/relationships/slideLayout" Target="../slideLayouts/slideLayout2.xml"/><Relationship Id="rId1" Type="http://schemas.openxmlformats.org/officeDocument/2006/relationships/tags" Target="../tags/tag2.xml"/><Relationship Id="rId6" Type="http://schemas.openxmlformats.org/officeDocument/2006/relationships/image" Target="../media/image19.png"/><Relationship Id="rId11" Type="http://schemas.openxmlformats.org/officeDocument/2006/relationships/image" Target="../media/image22.png"/><Relationship Id="rId5" Type="http://schemas.openxmlformats.org/officeDocument/2006/relationships/image" Target="../media/image18.png"/><Relationship Id="rId15" Type="http://schemas.openxmlformats.org/officeDocument/2006/relationships/image" Target="../media/image26.png"/><Relationship Id="rId10" Type="http://schemas.openxmlformats.org/officeDocument/2006/relationships/image" Target="../media/image21.png"/><Relationship Id="rId4" Type="http://schemas.microsoft.com/office/2018/10/relationships/comments" Target="../comments/modernComment_7FFFF23C_A4578A98.xml"/><Relationship Id="rId9" Type="http://schemas.openxmlformats.org/officeDocument/2006/relationships/image" Target="../media/image20.png"/><Relationship Id="rId14" Type="http://schemas.openxmlformats.org/officeDocument/2006/relationships/image" Target="../media/image25.png"/></Relationships>
</file>

<file path=ppt/slides/_rels/slide2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9.png"/><Relationship Id="rId1" Type="http://schemas.openxmlformats.org/officeDocument/2006/relationships/slideLayout" Target="../slideLayouts/slideLayout24.xml"/><Relationship Id="rId4" Type="http://schemas.openxmlformats.org/officeDocument/2006/relationships/image" Target="../media/image2.svg"/></Relationships>
</file>

<file path=ppt/slides/_rels/slide21.xml.rels><?xml version="1.0" encoding="UTF-8" standalone="yes"?>
<Relationships xmlns="http://schemas.openxmlformats.org/package/2006/relationships"><Relationship Id="rId3" Type="http://schemas.openxmlformats.org/officeDocument/2006/relationships/image" Target="../media/image41.jpeg"/><Relationship Id="rId2" Type="http://schemas.openxmlformats.org/officeDocument/2006/relationships/notesSlide" Target="../notesSlides/notesSlide8.xml"/><Relationship Id="rId1" Type="http://schemas.openxmlformats.org/officeDocument/2006/relationships/slideLayout" Target="../slideLayouts/slideLayout24.xml"/><Relationship Id="rId5" Type="http://schemas.openxmlformats.org/officeDocument/2006/relationships/image" Target="../media/image2.svg"/><Relationship Id="rId4" Type="http://schemas.openxmlformats.org/officeDocument/2006/relationships/image" Target="../media/image1.png"/></Relationships>
</file>

<file path=ppt/slides/_rels/slide22.xml.rels><?xml version="1.0" encoding="UTF-8" standalone="yes"?>
<Relationships xmlns="http://schemas.openxmlformats.org/package/2006/relationships"><Relationship Id="rId3" Type="http://schemas.openxmlformats.org/officeDocument/2006/relationships/image" Target="../media/image43.jpeg"/><Relationship Id="rId2" Type="http://schemas.openxmlformats.org/officeDocument/2006/relationships/image" Target="../media/image42.png"/><Relationship Id="rId1" Type="http://schemas.openxmlformats.org/officeDocument/2006/relationships/slideLayout" Target="../slideLayouts/slideLayout9.xml"/><Relationship Id="rId5" Type="http://schemas.openxmlformats.org/officeDocument/2006/relationships/image" Target="../media/image45.png"/><Relationship Id="rId4" Type="http://schemas.openxmlformats.org/officeDocument/2006/relationships/image" Target="../media/image44.png"/></Relationships>
</file>

<file path=ppt/slides/_rels/slide23.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9.xml"/><Relationship Id="rId1" Type="http://schemas.openxmlformats.org/officeDocument/2006/relationships/slideLayout" Target="../slideLayouts/slideLayout3.xml"/><Relationship Id="rId5" Type="http://schemas.openxmlformats.org/officeDocument/2006/relationships/image" Target="../media/image48.png"/><Relationship Id="rId4" Type="http://schemas.openxmlformats.org/officeDocument/2006/relationships/image" Target="../media/image47.png"/></Relationships>
</file>

<file path=ppt/slides/_rels/slide24.xml.rels><?xml version="1.0" encoding="UTF-8" standalone="yes"?>
<Relationships xmlns="http://schemas.openxmlformats.org/package/2006/relationships"><Relationship Id="rId2" Type="http://schemas.openxmlformats.org/officeDocument/2006/relationships/image" Target="../media/image49.png"/><Relationship Id="rId1" Type="http://schemas.openxmlformats.org/officeDocument/2006/relationships/slideLayout" Target="../slideLayouts/slideLayout13.xml"/></Relationships>
</file>

<file path=ppt/slides/_rels/slide25.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10.xml"/><Relationship Id="rId1" Type="http://schemas.openxmlformats.org/officeDocument/2006/relationships/slideLayout" Target="../slideLayouts/slideLayout24.xml"/><Relationship Id="rId5" Type="http://schemas.openxmlformats.org/officeDocument/2006/relationships/image" Target="../media/image2.svg"/><Relationship Id="rId4" Type="http://schemas.openxmlformats.org/officeDocument/2006/relationships/image" Target="../media/image1.pn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49.xml"/><Relationship Id="rId2" Type="http://schemas.openxmlformats.org/officeDocument/2006/relationships/customXml" Target="../../customXml/item12.xml"/><Relationship Id="rId1" Type="http://schemas.openxmlformats.org/officeDocument/2006/relationships/customXml" Target="../../customXml/item11.xml"/></Relationships>
</file>

<file path=ppt/slides/_rels/slide3.xml.rels><?xml version="1.0" encoding="UTF-8" standalone="yes"?>
<Relationships xmlns="http://schemas.openxmlformats.org/package/2006/relationships"><Relationship Id="rId3" Type="http://schemas.openxmlformats.org/officeDocument/2006/relationships/image" Target="../media/image27.png"/><Relationship Id="rId2" Type="http://schemas.microsoft.com/office/2018/10/relationships/comments" Target="../comments/modernComment_7FFFFD93_DB671473.xml"/><Relationship Id="rId1" Type="http://schemas.openxmlformats.org/officeDocument/2006/relationships/slideLayout" Target="../slideLayouts/slideLayout24.xml"/></Relationships>
</file>

<file path=ppt/slides/_rels/slide4.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2.xm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3" Type="http://schemas.openxmlformats.org/officeDocument/2006/relationships/image" Target="../media/image30.svg"/><Relationship Id="rId2" Type="http://schemas.openxmlformats.org/officeDocument/2006/relationships/image" Target="../media/image29.png"/><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7.xml.rels><?xml version="1.0" encoding="UTF-8" standalone="yes"?>
<Relationships xmlns="http://schemas.openxmlformats.org/package/2006/relationships"><Relationship Id="rId3" Type="http://schemas.openxmlformats.org/officeDocument/2006/relationships/diagramLayout" Target="../diagrams/layout1.xml"/><Relationship Id="rId7" Type="http://schemas.openxmlformats.org/officeDocument/2006/relationships/image" Target="../media/image31.jpeg"/><Relationship Id="rId2" Type="http://schemas.openxmlformats.org/officeDocument/2006/relationships/diagramData" Target="../diagrams/data1.xml"/><Relationship Id="rId1" Type="http://schemas.openxmlformats.org/officeDocument/2006/relationships/slideLayout" Target="../slideLayouts/slideLayout2.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8.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53.xml"/><Relationship Id="rId2" Type="http://schemas.openxmlformats.org/officeDocument/2006/relationships/customXml" Target="../../customXml/item10.xml"/><Relationship Id="rId1" Type="http://schemas.openxmlformats.org/officeDocument/2006/relationships/customXml" Target="../../customXml/item9.xml"/><Relationship Id="rId5" Type="http://schemas.microsoft.com/office/2018/10/relationships/comments" Target="../comments/modernComment_115_3E71CF79.xml"/><Relationship Id="rId4" Type="http://schemas.openxmlformats.org/officeDocument/2006/relationships/notesSlide" Target="../notesSlides/notesSlide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A person holding a map in a forest&#10;&#10;AI-generated content may be incorrect.">
            <a:extLst>
              <a:ext uri="{FF2B5EF4-FFF2-40B4-BE49-F238E27FC236}">
                <a16:creationId xmlns:a16="http://schemas.microsoft.com/office/drawing/2014/main" id="{447C896F-7068-8480-60C2-EE2954A83DB3}"/>
              </a:ext>
            </a:extLst>
          </p:cNvPr>
          <p:cNvPicPr>
            <a:picLocks noChangeAspect="1"/>
          </p:cNvPicPr>
          <p:nvPr/>
        </p:nvPicPr>
        <p:blipFill>
          <a:blip r:embed="rId4">
            <a:extLst>
              <a:ext uri="{28A0092B-C50C-407E-A947-70E740481C1C}">
                <a14:useLocalDpi xmlns:a14="http://schemas.microsoft.com/office/drawing/2010/main" val="0"/>
              </a:ext>
              <a:ext uri="{837473B0-CC2E-450A-ABE3-18F120FF3D39}">
                <a1611:picAttrSrcUrl xmlns:a1611="http://schemas.microsoft.com/office/drawing/2016/11/main" r:id="rId5"/>
              </a:ext>
            </a:extLst>
          </a:blip>
          <a:stretch>
            <a:fillRect/>
          </a:stretch>
        </p:blipFill>
        <p:spPr>
          <a:xfrm>
            <a:off x="-1" y="0"/>
            <a:ext cx="12236824" cy="6858000"/>
          </a:xfrm>
          <a:prstGeom prst="rect">
            <a:avLst/>
          </a:prstGeom>
        </p:spPr>
      </p:pic>
      <p:sp>
        <p:nvSpPr>
          <p:cNvPr id="6" name="Title 5">
            <a:extLst>
              <a:ext uri="{FF2B5EF4-FFF2-40B4-BE49-F238E27FC236}">
                <a16:creationId xmlns:a16="http://schemas.microsoft.com/office/drawing/2014/main" id="{98D80360-5E8F-49E2-863D-43A3D7FC28A8}"/>
              </a:ext>
            </a:extLst>
          </p:cNvPr>
          <p:cNvSpPr>
            <a:spLocks noGrp="1"/>
          </p:cNvSpPr>
          <p:nvPr>
            <p:ph type="title"/>
          </p:nvPr>
        </p:nvSpPr>
        <p:spPr/>
        <p:txBody>
          <a:bodyPr/>
          <a:lstStyle/>
          <a:p>
            <a:r>
              <a:rPr lang="en-GB" dirty="0">
                <a:solidFill>
                  <a:schemeClr val="bg1"/>
                </a:solidFill>
              </a:rPr>
              <a:t>Making good choices</a:t>
            </a:r>
          </a:p>
        </p:txBody>
      </p:sp>
      <p:sp>
        <p:nvSpPr>
          <p:cNvPr id="7" name="Subtitle 6">
            <a:extLst>
              <a:ext uri="{FF2B5EF4-FFF2-40B4-BE49-F238E27FC236}">
                <a16:creationId xmlns:a16="http://schemas.microsoft.com/office/drawing/2014/main" id="{523B70E0-20E0-4FC7-AEAB-2E7A4D3BACE0}"/>
              </a:ext>
            </a:extLst>
          </p:cNvPr>
          <p:cNvSpPr>
            <a:spLocks noGrp="1"/>
          </p:cNvSpPr>
          <p:nvPr>
            <p:ph type="subTitle" idx="1"/>
          </p:nvPr>
        </p:nvSpPr>
        <p:spPr/>
        <p:txBody>
          <a:bodyPr/>
          <a:lstStyle/>
          <a:p>
            <a:r>
              <a:rPr lang="en-GB" dirty="0"/>
              <a:t>DAFNI conference – bridging the gap between academia and industry</a:t>
            </a:r>
          </a:p>
        </p:txBody>
      </p:sp>
      <p:sp>
        <p:nvSpPr>
          <p:cNvPr id="3" name="Text Placeholder 2">
            <a:extLst>
              <a:ext uri="{FF2B5EF4-FFF2-40B4-BE49-F238E27FC236}">
                <a16:creationId xmlns:a16="http://schemas.microsoft.com/office/drawing/2014/main" id="{73A54343-5E54-16B1-42C6-961DE7BA513A}"/>
              </a:ext>
            </a:extLst>
          </p:cNvPr>
          <p:cNvSpPr>
            <a:spLocks noGrp="1"/>
          </p:cNvSpPr>
          <p:nvPr>
            <p:ph type="body" sz="quarter" idx="22"/>
          </p:nvPr>
        </p:nvSpPr>
        <p:spPr/>
        <p:txBody>
          <a:bodyPr/>
          <a:lstStyle/>
          <a:p>
            <a:r>
              <a:rPr lang="en-GB" dirty="0"/>
              <a:t>Dr Juliet Mian, Director and Arup Fellow</a:t>
            </a:r>
          </a:p>
        </p:txBody>
      </p:sp>
      <p:sp>
        <p:nvSpPr>
          <p:cNvPr id="4" name="Text Placeholder 3">
            <a:extLst>
              <a:ext uri="{FF2B5EF4-FFF2-40B4-BE49-F238E27FC236}">
                <a16:creationId xmlns:a16="http://schemas.microsoft.com/office/drawing/2014/main" id="{1FAEE573-B1B9-00EC-6C45-D85D2E56345A}"/>
              </a:ext>
            </a:extLst>
          </p:cNvPr>
          <p:cNvSpPr>
            <a:spLocks noGrp="1"/>
          </p:cNvSpPr>
          <p:nvPr>
            <p:ph type="body" sz="quarter" idx="23"/>
          </p:nvPr>
        </p:nvSpPr>
        <p:spPr/>
        <p:txBody>
          <a:bodyPr/>
          <a:lstStyle/>
          <a:p>
            <a:r>
              <a:rPr lang="en-GB" dirty="0">
                <a:solidFill>
                  <a:schemeClr val="bg1"/>
                </a:solidFill>
              </a:rPr>
              <a:t>September 2025</a:t>
            </a:r>
          </a:p>
        </p:txBody>
      </p:sp>
    </p:spTree>
    <p:custDataLst>
      <p:custData r:id="rId1"/>
      <p:custData r:id="rId2"/>
    </p:custDataLst>
    <p:extLst>
      <p:ext uri="{BB962C8B-B14F-4D97-AF65-F5344CB8AC3E}">
        <p14:creationId xmlns:p14="http://schemas.microsoft.com/office/powerpoint/2010/main" val="252116239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6508E1-E2D6-8DB3-0516-73B486C8CF3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59FA0CB-5B42-88CC-345F-D68ADB1DDD77}"/>
              </a:ext>
            </a:extLst>
          </p:cNvPr>
          <p:cNvSpPr>
            <a:spLocks noGrp="1"/>
          </p:cNvSpPr>
          <p:nvPr>
            <p:ph type="title"/>
          </p:nvPr>
        </p:nvSpPr>
        <p:spPr/>
        <p:txBody>
          <a:bodyPr/>
          <a:lstStyle/>
          <a:p>
            <a:r>
              <a:rPr lang="en-GB" dirty="0"/>
              <a:t>2. The long and lasting impact of infrastructure choices</a:t>
            </a:r>
            <a:br>
              <a:rPr lang="en-GB" dirty="0"/>
            </a:br>
            <a:br>
              <a:rPr lang="en-GB" dirty="0"/>
            </a:br>
            <a:endParaRPr lang="en-GB" dirty="0"/>
          </a:p>
        </p:txBody>
      </p:sp>
      <p:sp>
        <p:nvSpPr>
          <p:cNvPr id="3" name="Text Placeholder 2">
            <a:extLst>
              <a:ext uri="{FF2B5EF4-FFF2-40B4-BE49-F238E27FC236}">
                <a16:creationId xmlns:a16="http://schemas.microsoft.com/office/drawing/2014/main" id="{3046DDC3-92EC-587A-A8D1-4B9E26E7A60C}"/>
              </a:ext>
            </a:extLst>
          </p:cNvPr>
          <p:cNvSpPr>
            <a:spLocks noGrp="1"/>
          </p:cNvSpPr>
          <p:nvPr>
            <p:ph type="body" sz="quarter" idx="11"/>
          </p:nvPr>
        </p:nvSpPr>
        <p:spPr/>
        <p:txBody>
          <a:bodyPr/>
          <a:lstStyle/>
          <a:p>
            <a:endParaRPr lang="en-GB"/>
          </a:p>
        </p:txBody>
      </p:sp>
    </p:spTree>
    <p:extLst>
      <p:ext uri="{BB962C8B-B14F-4D97-AF65-F5344CB8AC3E}">
        <p14:creationId xmlns:p14="http://schemas.microsoft.com/office/powerpoint/2010/main" val="44605263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4B901F-6131-305E-D7BC-E8EFD959F33B}"/>
              </a:ext>
            </a:extLst>
          </p:cNvPr>
          <p:cNvSpPr>
            <a:spLocks noGrp="1"/>
          </p:cNvSpPr>
          <p:nvPr>
            <p:ph type="title"/>
          </p:nvPr>
        </p:nvSpPr>
        <p:spPr/>
        <p:txBody>
          <a:bodyPr/>
          <a:lstStyle/>
          <a:p>
            <a:r>
              <a:rPr lang="en-GB" dirty="0"/>
              <a:t>Safe, resilient </a:t>
            </a:r>
            <a:r>
              <a:rPr lang="en-GB" u="sng" dirty="0"/>
              <a:t>and </a:t>
            </a:r>
            <a:r>
              <a:rPr lang="en-GB" dirty="0"/>
              <a:t>sustainable</a:t>
            </a:r>
          </a:p>
        </p:txBody>
      </p:sp>
      <p:sp>
        <p:nvSpPr>
          <p:cNvPr id="3" name="Date Placeholder 2">
            <a:extLst>
              <a:ext uri="{FF2B5EF4-FFF2-40B4-BE49-F238E27FC236}">
                <a16:creationId xmlns:a16="http://schemas.microsoft.com/office/drawing/2014/main" id="{2B94AA07-6B9C-5C1A-0E08-EAC9E326EDBB}"/>
              </a:ext>
            </a:extLst>
          </p:cNvPr>
          <p:cNvSpPr>
            <a:spLocks noGrp="1"/>
          </p:cNvSpPr>
          <p:nvPr>
            <p:ph type="dt" sz="half" idx="10"/>
          </p:nvPr>
        </p:nvSpPr>
        <p:spPr/>
        <p:txBody>
          <a:bodyPr/>
          <a:lstStyle/>
          <a:p>
            <a:endParaRPr lang="en-US" dirty="0"/>
          </a:p>
        </p:txBody>
      </p:sp>
      <p:sp>
        <p:nvSpPr>
          <p:cNvPr id="5" name="Slide Number Placeholder 4">
            <a:extLst>
              <a:ext uri="{FF2B5EF4-FFF2-40B4-BE49-F238E27FC236}">
                <a16:creationId xmlns:a16="http://schemas.microsoft.com/office/drawing/2014/main" id="{12B6FFDB-7562-2F5F-EA34-B41150136B38}"/>
              </a:ext>
            </a:extLst>
          </p:cNvPr>
          <p:cNvSpPr>
            <a:spLocks noGrp="1"/>
          </p:cNvSpPr>
          <p:nvPr>
            <p:ph type="sldNum" sz="quarter" idx="12"/>
          </p:nvPr>
        </p:nvSpPr>
        <p:spPr/>
        <p:txBody>
          <a:bodyPr/>
          <a:lstStyle/>
          <a:p>
            <a:fld id="{34AFA7FE-CD8C-F049-A609-816E200170F9}" type="slidenum">
              <a:rPr lang="en-US" smtClean="0"/>
              <a:t>11</a:t>
            </a:fld>
            <a:endParaRPr lang="en-US"/>
          </a:p>
        </p:txBody>
      </p:sp>
      <p:pic>
        <p:nvPicPr>
          <p:cNvPr id="7" name="Picture 6">
            <a:extLst>
              <a:ext uri="{FF2B5EF4-FFF2-40B4-BE49-F238E27FC236}">
                <a16:creationId xmlns:a16="http://schemas.microsoft.com/office/drawing/2014/main" id="{38B2C6A4-F510-68A5-EC0B-4B8096A32E62}"/>
              </a:ext>
            </a:extLst>
          </p:cNvPr>
          <p:cNvPicPr>
            <a:picLocks noChangeAspect="1"/>
          </p:cNvPicPr>
          <p:nvPr/>
        </p:nvPicPr>
        <p:blipFill>
          <a:blip r:embed="rId2"/>
          <a:stretch>
            <a:fillRect/>
          </a:stretch>
        </p:blipFill>
        <p:spPr>
          <a:xfrm>
            <a:off x="1408670" y="1272749"/>
            <a:ext cx="8739649" cy="5790614"/>
          </a:xfrm>
          <a:prstGeom prst="rect">
            <a:avLst/>
          </a:prstGeom>
        </p:spPr>
      </p:pic>
    </p:spTree>
    <p:extLst>
      <p:ext uri="{BB962C8B-B14F-4D97-AF65-F5344CB8AC3E}">
        <p14:creationId xmlns:p14="http://schemas.microsoft.com/office/powerpoint/2010/main" val="95144464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Shape 125"/>
        <p:cNvGrpSpPr/>
        <p:nvPr/>
      </p:nvGrpSpPr>
      <p:grpSpPr>
        <a:xfrm>
          <a:off x="0" y="0"/>
          <a:ext cx="0" cy="0"/>
          <a:chOff x="0" y="0"/>
          <a:chExt cx="0" cy="0"/>
        </a:xfrm>
      </p:grpSpPr>
      <p:sp>
        <p:nvSpPr>
          <p:cNvPr id="8" name="Rectangle 7">
            <a:extLst>
              <a:ext uri="{FF2B5EF4-FFF2-40B4-BE49-F238E27FC236}">
                <a16:creationId xmlns:a16="http://schemas.microsoft.com/office/drawing/2014/main" id="{8CE5FDC6-0B8A-E6A6-7794-4E610A514CF1}"/>
              </a:ext>
            </a:extLst>
          </p:cNvPr>
          <p:cNvSpPr/>
          <p:nvPr/>
        </p:nvSpPr>
        <p:spPr>
          <a:xfrm>
            <a:off x="8986138" y="2535690"/>
            <a:ext cx="2621143" cy="2740397"/>
          </a:xfrm>
          <a:prstGeom prst="rect">
            <a:avLst/>
          </a:prstGeom>
          <a:solidFill>
            <a:srgbClr val="E61E28"/>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Title 2">
            <a:extLst>
              <a:ext uri="{FF2B5EF4-FFF2-40B4-BE49-F238E27FC236}">
                <a16:creationId xmlns:a16="http://schemas.microsoft.com/office/drawing/2014/main" id="{323D3FAF-AAF1-547B-C303-013D72A9AD57}"/>
              </a:ext>
            </a:extLst>
          </p:cNvPr>
          <p:cNvSpPr>
            <a:spLocks noGrp="1"/>
          </p:cNvSpPr>
          <p:nvPr>
            <p:ph type="title"/>
          </p:nvPr>
        </p:nvSpPr>
        <p:spPr/>
        <p:txBody>
          <a:bodyPr/>
          <a:lstStyle/>
          <a:p>
            <a:r>
              <a:rPr lang="en-GB"/>
              <a:t>Urban Heat Island (UHI) effect</a:t>
            </a:r>
          </a:p>
        </p:txBody>
      </p:sp>
      <p:sp>
        <p:nvSpPr>
          <p:cNvPr id="130" name="Google Shape;130;p27"/>
          <p:cNvSpPr txBox="1">
            <a:spLocks noGrp="1"/>
          </p:cNvSpPr>
          <p:nvPr>
            <p:ph type="subTitle" idx="1"/>
          </p:nvPr>
        </p:nvSpPr>
        <p:spPr>
          <a:xfrm>
            <a:off x="658814" y="1306800"/>
            <a:ext cx="11112272" cy="429780"/>
          </a:xfrm>
          <a:prstGeom prst="rect">
            <a:avLst/>
          </a:prstGeom>
        </p:spPr>
        <p:txBody>
          <a:bodyPr spcFirstLastPara="1" vert="horz" wrap="square" lIns="0" tIns="0" rIns="0" bIns="0" rtlCol="0" anchor="t" anchorCtr="0">
            <a:noAutofit/>
          </a:bodyPr>
          <a:lstStyle/>
          <a:p>
            <a:pPr algn="l">
              <a:spcBef>
                <a:spcPts val="0"/>
              </a:spcBef>
            </a:pPr>
            <a:r>
              <a:rPr lang="en-GB" sz="1800">
                <a:solidFill>
                  <a:srgbClr val="E61E28"/>
                </a:solidFill>
                <a:ea typeface="Roboto"/>
                <a:sym typeface="Roboto"/>
              </a:rPr>
              <a:t>Warmer temperatures urban areas experience compared to rural surroundings</a:t>
            </a:r>
          </a:p>
        </p:txBody>
      </p:sp>
      <p:sp>
        <p:nvSpPr>
          <p:cNvPr id="18" name="TextBox 17">
            <a:extLst>
              <a:ext uri="{FF2B5EF4-FFF2-40B4-BE49-F238E27FC236}">
                <a16:creationId xmlns:a16="http://schemas.microsoft.com/office/drawing/2014/main" id="{F5E7F1F2-2984-2390-ECAF-A0B8C081B78B}"/>
              </a:ext>
            </a:extLst>
          </p:cNvPr>
          <p:cNvSpPr txBox="1"/>
          <p:nvPr/>
        </p:nvSpPr>
        <p:spPr>
          <a:xfrm>
            <a:off x="8986138" y="2535691"/>
            <a:ext cx="987708" cy="923330"/>
          </a:xfrm>
          <a:prstGeom prst="rect">
            <a:avLst/>
          </a:prstGeom>
          <a:noFill/>
        </p:spPr>
        <p:txBody>
          <a:bodyPr wrap="square" lIns="0" tIns="0" rIns="0" bIns="0" rtlCol="0" anchor="t">
            <a:spAutoFit/>
          </a:bodyPr>
          <a:lstStyle/>
          <a:p>
            <a:r>
              <a:rPr lang="en-GB" sz="6000" b="1">
                <a:solidFill>
                  <a:schemeClr val="bg1"/>
                </a:solidFill>
                <a:latin typeface="Arial"/>
                <a:cs typeface="Arial"/>
              </a:rPr>
              <a:t> </a:t>
            </a:r>
            <a:r>
              <a:rPr lang="en-GB" sz="4800" b="1" i="0">
                <a:solidFill>
                  <a:schemeClr val="bg1"/>
                </a:solidFill>
                <a:effectLst/>
                <a:latin typeface="Arial"/>
                <a:cs typeface="Arial"/>
              </a:rPr>
              <a:t>x</a:t>
            </a:r>
            <a:r>
              <a:rPr lang="en-GB" sz="6000" b="1" i="0">
                <a:solidFill>
                  <a:schemeClr val="bg1"/>
                </a:solidFill>
                <a:effectLst/>
                <a:latin typeface="Arial"/>
                <a:cs typeface="Arial"/>
              </a:rPr>
              <a:t>3</a:t>
            </a:r>
            <a:endParaRPr lang="en-GB" sz="2800">
              <a:solidFill>
                <a:schemeClr val="bg1"/>
              </a:solidFill>
              <a:latin typeface="Arial"/>
              <a:cs typeface="Arial"/>
            </a:endParaRPr>
          </a:p>
        </p:txBody>
      </p:sp>
      <p:sp>
        <p:nvSpPr>
          <p:cNvPr id="19" name="TextBox 18">
            <a:extLst>
              <a:ext uri="{FF2B5EF4-FFF2-40B4-BE49-F238E27FC236}">
                <a16:creationId xmlns:a16="http://schemas.microsoft.com/office/drawing/2014/main" id="{D9B207D6-C77B-70DD-FD88-3B99358C5E39}"/>
              </a:ext>
            </a:extLst>
          </p:cNvPr>
          <p:cNvSpPr txBox="1"/>
          <p:nvPr/>
        </p:nvSpPr>
        <p:spPr>
          <a:xfrm>
            <a:off x="9198615" y="3335209"/>
            <a:ext cx="2408667" cy="1538883"/>
          </a:xfrm>
          <a:prstGeom prst="rect">
            <a:avLst/>
          </a:prstGeom>
          <a:noFill/>
        </p:spPr>
        <p:txBody>
          <a:bodyPr wrap="square" lIns="0" tIns="0" rIns="0" bIns="0" rtlCol="0">
            <a:spAutoFit/>
          </a:bodyPr>
          <a:lstStyle/>
          <a:p>
            <a:r>
              <a:rPr lang="en-GB" sz="2000" b="0">
                <a:solidFill>
                  <a:schemeClr val="bg1"/>
                </a:solidFill>
                <a:effectLst/>
                <a:latin typeface="Times New Roman" panose="02020603050405020304" pitchFamily="18" charset="0"/>
              </a:rPr>
              <a:t>expected increase in number of cities exposed </a:t>
            </a:r>
            <a:r>
              <a:rPr lang="en-GB" sz="2000">
                <a:solidFill>
                  <a:schemeClr val="bg1"/>
                </a:solidFill>
                <a:effectLst/>
                <a:latin typeface="Times New Roman" panose="02020603050405020304" pitchFamily="18" charset="0"/>
              </a:rPr>
              <a:t>to heat above 35°C by 2050</a:t>
            </a:r>
          </a:p>
          <a:p>
            <a:endParaRPr lang="en-GB" sz="2000">
              <a:solidFill>
                <a:schemeClr val="bg1"/>
              </a:solidFill>
            </a:endParaRPr>
          </a:p>
        </p:txBody>
      </p:sp>
      <p:grpSp>
        <p:nvGrpSpPr>
          <p:cNvPr id="7" name="Group 6">
            <a:extLst>
              <a:ext uri="{FF2B5EF4-FFF2-40B4-BE49-F238E27FC236}">
                <a16:creationId xmlns:a16="http://schemas.microsoft.com/office/drawing/2014/main" id="{21CD8056-9AD8-5969-5DC2-0EC461916D89}"/>
              </a:ext>
            </a:extLst>
          </p:cNvPr>
          <p:cNvGrpSpPr/>
          <p:nvPr/>
        </p:nvGrpSpPr>
        <p:grpSpPr>
          <a:xfrm>
            <a:off x="658811" y="2679353"/>
            <a:ext cx="7909356" cy="2662048"/>
            <a:chOff x="1970125" y="3542134"/>
            <a:chExt cx="7909356" cy="2662048"/>
          </a:xfrm>
        </p:grpSpPr>
        <p:cxnSp>
          <p:nvCxnSpPr>
            <p:cNvPr id="10" name="Straight Connector 9">
              <a:extLst>
                <a:ext uri="{FF2B5EF4-FFF2-40B4-BE49-F238E27FC236}">
                  <a16:creationId xmlns:a16="http://schemas.microsoft.com/office/drawing/2014/main" id="{D620CA0A-959E-BAC9-8B08-2CF9AE3DC168}"/>
                </a:ext>
              </a:extLst>
            </p:cNvPr>
            <p:cNvCxnSpPr>
              <a:cxnSpLocks/>
            </p:cNvCxnSpPr>
            <p:nvPr/>
          </p:nvCxnSpPr>
          <p:spPr>
            <a:xfrm flipH="1">
              <a:off x="2150629" y="3543917"/>
              <a:ext cx="3390635" cy="0"/>
            </a:xfrm>
            <a:prstGeom prst="line">
              <a:avLst/>
            </a:prstGeom>
            <a:ln w="19050">
              <a:prstDash val="dash"/>
            </a:ln>
          </p:spPr>
          <p:style>
            <a:lnRef idx="1">
              <a:schemeClr val="accent1"/>
            </a:lnRef>
            <a:fillRef idx="0">
              <a:schemeClr val="accent1"/>
            </a:fillRef>
            <a:effectRef idx="0">
              <a:schemeClr val="accent1"/>
            </a:effectRef>
            <a:fontRef idx="minor">
              <a:schemeClr val="tx1"/>
            </a:fontRef>
          </p:style>
        </p:cxnSp>
        <p:cxnSp>
          <p:nvCxnSpPr>
            <p:cNvPr id="13" name="Straight Arrow Connector 12">
              <a:extLst>
                <a:ext uri="{FF2B5EF4-FFF2-40B4-BE49-F238E27FC236}">
                  <a16:creationId xmlns:a16="http://schemas.microsoft.com/office/drawing/2014/main" id="{01ED619E-CB34-E9DF-CDAB-EAA0BD3B3D44}"/>
                </a:ext>
              </a:extLst>
            </p:cNvPr>
            <p:cNvCxnSpPr>
              <a:cxnSpLocks/>
            </p:cNvCxnSpPr>
            <p:nvPr/>
          </p:nvCxnSpPr>
          <p:spPr>
            <a:xfrm>
              <a:off x="2062145" y="3542134"/>
              <a:ext cx="0" cy="1034261"/>
            </a:xfrm>
            <a:prstGeom prst="straightConnector1">
              <a:avLst/>
            </a:prstGeom>
            <a:ln w="38100">
              <a:headEnd type="triangle"/>
              <a:tailEnd type="triangle"/>
            </a:ln>
          </p:spPr>
          <p:style>
            <a:lnRef idx="3">
              <a:schemeClr val="accent1"/>
            </a:lnRef>
            <a:fillRef idx="0">
              <a:schemeClr val="accent1"/>
            </a:fillRef>
            <a:effectRef idx="2">
              <a:schemeClr val="accent1"/>
            </a:effectRef>
            <a:fontRef idx="minor">
              <a:schemeClr val="tx1"/>
            </a:fontRef>
          </p:style>
        </p:cxnSp>
        <p:sp>
          <p:nvSpPr>
            <p:cNvPr id="14" name="TextBox 13">
              <a:extLst>
                <a:ext uri="{FF2B5EF4-FFF2-40B4-BE49-F238E27FC236}">
                  <a16:creationId xmlns:a16="http://schemas.microsoft.com/office/drawing/2014/main" id="{50B73DAD-2441-7EA3-5916-ADC8C16A78D0}"/>
                </a:ext>
              </a:extLst>
            </p:cNvPr>
            <p:cNvSpPr txBox="1"/>
            <p:nvPr/>
          </p:nvSpPr>
          <p:spPr>
            <a:xfrm>
              <a:off x="2150629" y="3920764"/>
              <a:ext cx="397545" cy="276999"/>
            </a:xfrm>
            <a:prstGeom prst="rect">
              <a:avLst/>
            </a:prstGeom>
            <a:noFill/>
          </p:spPr>
          <p:txBody>
            <a:bodyPr wrap="none" lIns="0" tIns="0" rIns="0" bIns="0" rtlCol="0" anchor="t">
              <a:spAutoFit/>
            </a:bodyPr>
            <a:lstStyle/>
            <a:p>
              <a:pPr algn="l"/>
              <a:r>
                <a:rPr lang="en-GB" b="1">
                  <a:latin typeface="Arial" panose="020B0604020202020204" pitchFamily="34" charset="0"/>
                  <a:cs typeface="Arial" panose="020B0604020202020204" pitchFamily="34" charset="0"/>
                </a:rPr>
                <a:t>UHI</a:t>
              </a:r>
            </a:p>
          </p:txBody>
        </p:sp>
        <p:pic>
          <p:nvPicPr>
            <p:cNvPr id="12" name="Picture 11" descr="A diagram of a car with icons&#10;&#10;Description automatically generated with medium confidence">
              <a:extLst>
                <a:ext uri="{FF2B5EF4-FFF2-40B4-BE49-F238E27FC236}">
                  <a16:creationId xmlns:a16="http://schemas.microsoft.com/office/drawing/2014/main" id="{C79D28D0-674D-8059-8CF7-A3E24DE38CF7}"/>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970125" y="3542134"/>
              <a:ext cx="7909356" cy="2662048"/>
            </a:xfrm>
            <a:prstGeom prst="rect">
              <a:avLst/>
            </a:prstGeom>
          </p:spPr>
        </p:pic>
      </p:grpSp>
    </p:spTree>
    <p:extLst>
      <p:ext uri="{BB962C8B-B14F-4D97-AF65-F5344CB8AC3E}">
        <p14:creationId xmlns:p14="http://schemas.microsoft.com/office/powerpoint/2010/main" val="393232761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9" name="Imagen 28" descr="Una carretera con coches&#10;&#10;El contenido generado por IA puede ser incorrecto.">
            <a:extLst>
              <a:ext uri="{FF2B5EF4-FFF2-40B4-BE49-F238E27FC236}">
                <a16:creationId xmlns:a16="http://schemas.microsoft.com/office/drawing/2014/main" id="{9A87D0CC-C136-751B-7BAF-8ADEB9577524}"/>
              </a:ext>
            </a:extLst>
          </p:cNvPr>
          <p:cNvPicPr>
            <a:picLocks noChangeAspect="1"/>
          </p:cNvPicPr>
          <p:nvPr/>
        </p:nvPicPr>
        <p:blipFill>
          <a:blip r:embed="rId2">
            <a:extLst>
              <a:ext uri="{28A0092B-C50C-407E-A947-70E740481C1C}">
                <a14:useLocalDpi xmlns:a14="http://schemas.microsoft.com/office/drawing/2010/main" val="0"/>
              </a:ext>
            </a:extLst>
          </a:blip>
          <a:srcRect l="119" t="8825" r="119" b="53823"/>
          <a:stretch/>
        </p:blipFill>
        <p:spPr>
          <a:xfrm>
            <a:off x="-19031" y="-1"/>
            <a:ext cx="12211031" cy="6857999"/>
          </a:xfrm>
          <a:prstGeom prst="rect">
            <a:avLst/>
          </a:prstGeom>
        </p:spPr>
      </p:pic>
      <p:sp>
        <p:nvSpPr>
          <p:cNvPr id="11" name="Rectángulo 10">
            <a:extLst>
              <a:ext uri="{FF2B5EF4-FFF2-40B4-BE49-F238E27FC236}">
                <a16:creationId xmlns:a16="http://schemas.microsoft.com/office/drawing/2014/main" id="{5F4A7798-FE71-F39C-3937-554B77090A23}"/>
              </a:ext>
            </a:extLst>
          </p:cNvPr>
          <p:cNvSpPr/>
          <p:nvPr/>
        </p:nvSpPr>
        <p:spPr>
          <a:xfrm>
            <a:off x="-19031" y="-3"/>
            <a:ext cx="12211031" cy="6858002"/>
          </a:xfrm>
          <a:prstGeom prst="rect">
            <a:avLst/>
          </a:prstGeom>
          <a:solidFill>
            <a:schemeClr val="tx1">
              <a:alpha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s-ES"/>
          </a:p>
        </p:txBody>
      </p:sp>
      <p:pic>
        <p:nvPicPr>
          <p:cNvPr id="8" name="Graphic 5">
            <a:extLst>
              <a:ext uri="{FF2B5EF4-FFF2-40B4-BE49-F238E27FC236}">
                <a16:creationId xmlns:a16="http://schemas.microsoft.com/office/drawing/2014/main" id="{6BCF0C3D-C9AB-81BF-85C7-20EA7982892A}"/>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0378067" y="357164"/>
            <a:ext cx="1156709" cy="306413"/>
          </a:xfrm>
          <a:prstGeom prst="rect">
            <a:avLst/>
          </a:prstGeom>
        </p:spPr>
      </p:pic>
      <p:sp>
        <p:nvSpPr>
          <p:cNvPr id="10" name="CuadroTexto 9">
            <a:extLst>
              <a:ext uri="{FF2B5EF4-FFF2-40B4-BE49-F238E27FC236}">
                <a16:creationId xmlns:a16="http://schemas.microsoft.com/office/drawing/2014/main" id="{04A42DF8-1107-4C8C-EF6E-82F3F7B9DD65}"/>
              </a:ext>
            </a:extLst>
          </p:cNvPr>
          <p:cNvSpPr txBox="1"/>
          <p:nvPr/>
        </p:nvSpPr>
        <p:spPr>
          <a:xfrm>
            <a:off x="2508250" y="1811338"/>
            <a:ext cx="7172325" cy="3447098"/>
          </a:xfrm>
          <a:prstGeom prst="rect">
            <a:avLst/>
          </a:prstGeom>
          <a:noFill/>
        </p:spPr>
        <p:txBody>
          <a:bodyPr wrap="square" lIns="216000" tIns="0" rIns="0" bIns="0" rtlCol="0">
            <a:spAutoFit/>
          </a:bodyPr>
          <a:lstStyle/>
          <a:p>
            <a:r>
              <a:rPr lang="en-GB" sz="3200" dirty="0">
                <a:solidFill>
                  <a:schemeClr val="bg1"/>
                </a:solidFill>
              </a:rPr>
              <a:t>In 2022, global food prices reached an</a:t>
            </a:r>
            <a:br>
              <a:rPr lang="en-GB" sz="3200" dirty="0">
                <a:solidFill>
                  <a:schemeClr val="bg1"/>
                </a:solidFill>
              </a:rPr>
            </a:br>
            <a:r>
              <a:rPr lang="en-GB" sz="3200" dirty="0">
                <a:solidFill>
                  <a:schemeClr val="bg1"/>
                </a:solidFill>
              </a:rPr>
              <a:t>all-time high, driven in part by disruptions in transport networks caused by extreme weather events. Delays in supply chain systems led to shortages, driving</a:t>
            </a:r>
            <a:br>
              <a:rPr lang="en-GB" sz="3200" dirty="0">
                <a:solidFill>
                  <a:schemeClr val="bg1"/>
                </a:solidFill>
              </a:rPr>
            </a:br>
            <a:r>
              <a:rPr lang="en-GB" sz="3200" dirty="0">
                <a:solidFill>
                  <a:schemeClr val="bg1"/>
                </a:solidFill>
              </a:rPr>
              <a:t>up food prices and impacting economies worldwide. </a:t>
            </a:r>
          </a:p>
        </p:txBody>
      </p:sp>
      <p:cxnSp>
        <p:nvCxnSpPr>
          <p:cNvPr id="14" name="Conector recto 13">
            <a:extLst>
              <a:ext uri="{FF2B5EF4-FFF2-40B4-BE49-F238E27FC236}">
                <a16:creationId xmlns:a16="http://schemas.microsoft.com/office/drawing/2014/main" id="{CB77C974-20B0-E6D5-11DB-E401226D4272}"/>
              </a:ext>
            </a:extLst>
          </p:cNvPr>
          <p:cNvCxnSpPr/>
          <p:nvPr/>
        </p:nvCxnSpPr>
        <p:spPr>
          <a:xfrm>
            <a:off x="2508250" y="1811338"/>
            <a:ext cx="0" cy="5046662"/>
          </a:xfrm>
          <a:prstGeom prst="line">
            <a:avLst/>
          </a:prstGeom>
          <a:ln w="9525">
            <a:solidFill>
              <a:schemeClr val="bg1"/>
            </a:solidFill>
          </a:ln>
        </p:spPr>
        <p:style>
          <a:lnRef idx="1">
            <a:schemeClr val="accent1"/>
          </a:lnRef>
          <a:fillRef idx="0">
            <a:schemeClr val="accent1"/>
          </a:fillRef>
          <a:effectRef idx="0">
            <a:schemeClr val="accent1"/>
          </a:effectRef>
          <a:fontRef idx="minor">
            <a:schemeClr val="tx1"/>
          </a:fontRef>
        </p:style>
      </p:cxnSp>
      <p:grpSp>
        <p:nvGrpSpPr>
          <p:cNvPr id="23" name="Grupo 22">
            <a:extLst>
              <a:ext uri="{FF2B5EF4-FFF2-40B4-BE49-F238E27FC236}">
                <a16:creationId xmlns:a16="http://schemas.microsoft.com/office/drawing/2014/main" id="{2726A3E7-EA59-8189-91B7-6E93A3927257}"/>
              </a:ext>
            </a:extLst>
          </p:cNvPr>
          <p:cNvGrpSpPr/>
          <p:nvPr/>
        </p:nvGrpSpPr>
        <p:grpSpPr>
          <a:xfrm>
            <a:off x="1200243" y="1829018"/>
            <a:ext cx="1066032" cy="833971"/>
            <a:chOff x="1399865" y="1829018"/>
            <a:chExt cx="866409" cy="677803"/>
          </a:xfrm>
        </p:grpSpPr>
        <p:sp>
          <p:nvSpPr>
            <p:cNvPr id="18" name="Forma libre: forma 17">
              <a:extLst>
                <a:ext uri="{FF2B5EF4-FFF2-40B4-BE49-F238E27FC236}">
                  <a16:creationId xmlns:a16="http://schemas.microsoft.com/office/drawing/2014/main" id="{B7C27C06-CED8-F5FE-0CD5-9230A02696D6}"/>
                </a:ext>
              </a:extLst>
            </p:cNvPr>
            <p:cNvSpPr/>
            <p:nvPr/>
          </p:nvSpPr>
          <p:spPr>
            <a:xfrm>
              <a:off x="1441123" y="2500928"/>
              <a:ext cx="642439" cy="5893"/>
            </a:xfrm>
            <a:custGeom>
              <a:avLst/>
              <a:gdLst>
                <a:gd name="connsiteX0" fmla="*/ 0 w 642439"/>
                <a:gd name="connsiteY0" fmla="*/ 0 h 5893"/>
                <a:gd name="connsiteX1" fmla="*/ 642440 w 642439"/>
                <a:gd name="connsiteY1" fmla="*/ 5894 h 5893"/>
              </a:gdLst>
              <a:ahLst/>
              <a:cxnLst>
                <a:cxn ang="0">
                  <a:pos x="connsiteX0" y="connsiteY0"/>
                </a:cxn>
                <a:cxn ang="0">
                  <a:pos x="connsiteX1" y="connsiteY1"/>
                </a:cxn>
              </a:cxnLst>
              <a:rect l="l" t="t" r="r" b="b"/>
              <a:pathLst>
                <a:path w="642439" h="5893">
                  <a:moveTo>
                    <a:pt x="0" y="0"/>
                  </a:moveTo>
                  <a:lnTo>
                    <a:pt x="642440" y="5894"/>
                  </a:lnTo>
                </a:path>
              </a:pathLst>
            </a:custGeom>
            <a:ln w="9525" cap="rnd">
              <a:solidFill>
                <a:schemeClr val="bg1"/>
              </a:solidFill>
              <a:prstDash val="solid"/>
              <a:round/>
            </a:ln>
          </p:spPr>
          <p:txBody>
            <a:bodyPr rtlCol="0" anchor="ctr"/>
            <a:lstStyle/>
            <a:p>
              <a:endParaRPr lang="es-ES"/>
            </a:p>
          </p:txBody>
        </p:sp>
        <p:sp>
          <p:nvSpPr>
            <p:cNvPr id="19" name="Forma libre: forma 18">
              <a:extLst>
                <a:ext uri="{FF2B5EF4-FFF2-40B4-BE49-F238E27FC236}">
                  <a16:creationId xmlns:a16="http://schemas.microsoft.com/office/drawing/2014/main" id="{8C39A55B-9BF7-EAEF-30BE-F8C6E733E771}"/>
                </a:ext>
              </a:extLst>
            </p:cNvPr>
            <p:cNvSpPr/>
            <p:nvPr/>
          </p:nvSpPr>
          <p:spPr>
            <a:xfrm>
              <a:off x="1399865" y="1929215"/>
              <a:ext cx="601181" cy="565818"/>
            </a:xfrm>
            <a:custGeom>
              <a:avLst/>
              <a:gdLst>
                <a:gd name="connsiteX0" fmla="*/ 0 w 601181"/>
                <a:gd name="connsiteY0" fmla="*/ 229864 h 565818"/>
                <a:gd name="connsiteX1" fmla="*/ 259333 w 601181"/>
                <a:gd name="connsiteY1" fmla="*/ 565818 h 565818"/>
                <a:gd name="connsiteX2" fmla="*/ 601182 w 601181"/>
                <a:gd name="connsiteY2" fmla="*/ 0 h 565818"/>
              </a:gdLst>
              <a:ahLst/>
              <a:cxnLst>
                <a:cxn ang="0">
                  <a:pos x="connsiteX0" y="connsiteY0"/>
                </a:cxn>
                <a:cxn ang="0">
                  <a:pos x="connsiteX1" y="connsiteY1"/>
                </a:cxn>
                <a:cxn ang="0">
                  <a:pos x="connsiteX2" y="connsiteY2"/>
                </a:cxn>
              </a:cxnLst>
              <a:rect l="l" t="t" r="r" b="b"/>
              <a:pathLst>
                <a:path w="601181" h="565818">
                  <a:moveTo>
                    <a:pt x="0" y="229864"/>
                  </a:moveTo>
                  <a:lnTo>
                    <a:pt x="259333" y="565818"/>
                  </a:lnTo>
                  <a:lnTo>
                    <a:pt x="601182" y="0"/>
                  </a:lnTo>
                </a:path>
              </a:pathLst>
            </a:custGeom>
            <a:noFill/>
            <a:ln w="9525" cap="rnd">
              <a:solidFill>
                <a:schemeClr val="bg1"/>
              </a:solidFill>
              <a:prstDash val="solid"/>
              <a:round/>
            </a:ln>
          </p:spPr>
          <p:txBody>
            <a:bodyPr rtlCol="0" anchor="ctr"/>
            <a:lstStyle/>
            <a:p>
              <a:endParaRPr lang="es-ES"/>
            </a:p>
          </p:txBody>
        </p:sp>
        <p:sp>
          <p:nvSpPr>
            <p:cNvPr id="20" name="Forma libre: forma 19">
              <a:extLst>
                <a:ext uri="{FF2B5EF4-FFF2-40B4-BE49-F238E27FC236}">
                  <a16:creationId xmlns:a16="http://schemas.microsoft.com/office/drawing/2014/main" id="{EF7C8627-C3FD-DF79-27FA-AE99159AB3E1}"/>
                </a:ext>
              </a:extLst>
            </p:cNvPr>
            <p:cNvSpPr/>
            <p:nvPr/>
          </p:nvSpPr>
          <p:spPr>
            <a:xfrm>
              <a:off x="1623835" y="1829018"/>
              <a:ext cx="642439" cy="660121"/>
            </a:xfrm>
            <a:custGeom>
              <a:avLst/>
              <a:gdLst>
                <a:gd name="connsiteX0" fmla="*/ 0 w 642439"/>
                <a:gd name="connsiteY0" fmla="*/ 324167 h 660121"/>
                <a:gd name="connsiteX1" fmla="*/ 259333 w 642439"/>
                <a:gd name="connsiteY1" fmla="*/ 660121 h 660121"/>
                <a:gd name="connsiteX2" fmla="*/ 642440 w 642439"/>
                <a:gd name="connsiteY2" fmla="*/ 0 h 660121"/>
              </a:gdLst>
              <a:ahLst/>
              <a:cxnLst>
                <a:cxn ang="0">
                  <a:pos x="connsiteX0" y="connsiteY0"/>
                </a:cxn>
                <a:cxn ang="0">
                  <a:pos x="connsiteX1" y="connsiteY1"/>
                </a:cxn>
                <a:cxn ang="0">
                  <a:pos x="connsiteX2" y="connsiteY2"/>
                </a:cxn>
              </a:cxnLst>
              <a:rect l="l" t="t" r="r" b="b"/>
              <a:pathLst>
                <a:path w="642439" h="660121">
                  <a:moveTo>
                    <a:pt x="0" y="324167"/>
                  </a:moveTo>
                  <a:lnTo>
                    <a:pt x="259333" y="660121"/>
                  </a:lnTo>
                  <a:lnTo>
                    <a:pt x="642440" y="0"/>
                  </a:lnTo>
                </a:path>
              </a:pathLst>
            </a:custGeom>
            <a:noFill/>
            <a:ln w="9525" cap="rnd">
              <a:solidFill>
                <a:schemeClr val="bg1"/>
              </a:solidFill>
              <a:prstDash val="solid"/>
              <a:round/>
            </a:ln>
          </p:spPr>
          <p:txBody>
            <a:bodyPr rtlCol="0" anchor="ctr"/>
            <a:lstStyle/>
            <a:p>
              <a:endParaRPr lang="es-ES"/>
            </a:p>
          </p:txBody>
        </p:sp>
        <p:sp>
          <p:nvSpPr>
            <p:cNvPr id="21" name="Forma libre: forma 20">
              <a:extLst>
                <a:ext uri="{FF2B5EF4-FFF2-40B4-BE49-F238E27FC236}">
                  <a16:creationId xmlns:a16="http://schemas.microsoft.com/office/drawing/2014/main" id="{3771EBEC-7B14-DC83-4DE7-2E70A4600DAD}"/>
                </a:ext>
              </a:extLst>
            </p:cNvPr>
            <p:cNvSpPr/>
            <p:nvPr/>
          </p:nvSpPr>
          <p:spPr>
            <a:xfrm>
              <a:off x="1839789" y="1929215"/>
              <a:ext cx="161258" cy="182004"/>
            </a:xfrm>
            <a:custGeom>
              <a:avLst/>
              <a:gdLst>
                <a:gd name="connsiteX0" fmla="*/ 161258 w 161258"/>
                <a:gd name="connsiteY0" fmla="*/ 182005 h 182004"/>
                <a:gd name="connsiteX1" fmla="*/ 161022 w 161258"/>
                <a:gd name="connsiteY1" fmla="*/ 0 h 182004"/>
                <a:gd name="connsiteX2" fmla="*/ 161258 w 161258"/>
                <a:gd name="connsiteY2" fmla="*/ 0 h 182004"/>
                <a:gd name="connsiteX3" fmla="*/ 0 w 161258"/>
                <a:gd name="connsiteY3" fmla="*/ 84401 h 182004"/>
              </a:gdLst>
              <a:ahLst/>
              <a:cxnLst>
                <a:cxn ang="0">
                  <a:pos x="connsiteX0" y="connsiteY0"/>
                </a:cxn>
                <a:cxn ang="0">
                  <a:pos x="connsiteX1" y="connsiteY1"/>
                </a:cxn>
                <a:cxn ang="0">
                  <a:pos x="connsiteX2" y="connsiteY2"/>
                </a:cxn>
                <a:cxn ang="0">
                  <a:pos x="connsiteX3" y="connsiteY3"/>
                </a:cxn>
              </a:cxnLst>
              <a:rect l="l" t="t" r="r" b="b"/>
              <a:pathLst>
                <a:path w="161258" h="182004">
                  <a:moveTo>
                    <a:pt x="161258" y="182005"/>
                  </a:moveTo>
                  <a:lnTo>
                    <a:pt x="161022" y="0"/>
                  </a:lnTo>
                  <a:lnTo>
                    <a:pt x="161258" y="0"/>
                  </a:lnTo>
                  <a:lnTo>
                    <a:pt x="0" y="84401"/>
                  </a:lnTo>
                </a:path>
              </a:pathLst>
            </a:custGeom>
            <a:noFill/>
            <a:ln w="9525" cap="rnd">
              <a:solidFill>
                <a:schemeClr val="bg1"/>
              </a:solidFill>
              <a:prstDash val="solid"/>
              <a:round/>
            </a:ln>
          </p:spPr>
          <p:txBody>
            <a:bodyPr rtlCol="0" anchor="ctr"/>
            <a:lstStyle/>
            <a:p>
              <a:endParaRPr lang="es-ES"/>
            </a:p>
          </p:txBody>
        </p:sp>
        <p:sp>
          <p:nvSpPr>
            <p:cNvPr id="22" name="Forma libre: forma 21">
              <a:extLst>
                <a:ext uri="{FF2B5EF4-FFF2-40B4-BE49-F238E27FC236}">
                  <a16:creationId xmlns:a16="http://schemas.microsoft.com/office/drawing/2014/main" id="{9091D11E-3393-8163-E10B-317753D85645}"/>
                </a:ext>
              </a:extLst>
            </p:cNvPr>
            <p:cNvSpPr/>
            <p:nvPr/>
          </p:nvSpPr>
          <p:spPr>
            <a:xfrm>
              <a:off x="2105016" y="1829018"/>
              <a:ext cx="161258" cy="182004"/>
            </a:xfrm>
            <a:custGeom>
              <a:avLst/>
              <a:gdLst>
                <a:gd name="connsiteX0" fmla="*/ 161258 w 161258"/>
                <a:gd name="connsiteY0" fmla="*/ 182005 h 182004"/>
                <a:gd name="connsiteX1" fmla="*/ 161023 w 161258"/>
                <a:gd name="connsiteY1" fmla="*/ 0 h 182004"/>
                <a:gd name="connsiteX2" fmla="*/ 161258 w 161258"/>
                <a:gd name="connsiteY2" fmla="*/ 0 h 182004"/>
                <a:gd name="connsiteX3" fmla="*/ 0 w 161258"/>
                <a:gd name="connsiteY3" fmla="*/ 84401 h 182004"/>
              </a:gdLst>
              <a:ahLst/>
              <a:cxnLst>
                <a:cxn ang="0">
                  <a:pos x="connsiteX0" y="connsiteY0"/>
                </a:cxn>
                <a:cxn ang="0">
                  <a:pos x="connsiteX1" y="connsiteY1"/>
                </a:cxn>
                <a:cxn ang="0">
                  <a:pos x="connsiteX2" y="connsiteY2"/>
                </a:cxn>
                <a:cxn ang="0">
                  <a:pos x="connsiteX3" y="connsiteY3"/>
                </a:cxn>
              </a:cxnLst>
              <a:rect l="l" t="t" r="r" b="b"/>
              <a:pathLst>
                <a:path w="161258" h="182004">
                  <a:moveTo>
                    <a:pt x="161258" y="182005"/>
                  </a:moveTo>
                  <a:lnTo>
                    <a:pt x="161023" y="0"/>
                  </a:lnTo>
                  <a:lnTo>
                    <a:pt x="161258" y="0"/>
                  </a:lnTo>
                  <a:lnTo>
                    <a:pt x="0" y="84401"/>
                  </a:lnTo>
                </a:path>
              </a:pathLst>
            </a:custGeom>
            <a:noFill/>
            <a:ln w="9525" cap="rnd">
              <a:solidFill>
                <a:schemeClr val="bg1"/>
              </a:solidFill>
              <a:prstDash val="solid"/>
              <a:round/>
            </a:ln>
          </p:spPr>
          <p:txBody>
            <a:bodyPr rtlCol="0" anchor="ctr"/>
            <a:lstStyle/>
            <a:p>
              <a:endParaRPr lang="es-ES"/>
            </a:p>
          </p:txBody>
        </p:sp>
      </p:grpSp>
    </p:spTree>
    <p:extLst>
      <p:ext uri="{BB962C8B-B14F-4D97-AF65-F5344CB8AC3E}">
        <p14:creationId xmlns:p14="http://schemas.microsoft.com/office/powerpoint/2010/main" val="19388915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F3F236-DD8F-71BE-C8F2-DC60D85BB3F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4CD07F9-54BC-A7BE-1B35-526AEE3E4CA9}"/>
              </a:ext>
            </a:extLst>
          </p:cNvPr>
          <p:cNvSpPr>
            <a:spLocks noGrp="1"/>
          </p:cNvSpPr>
          <p:nvPr>
            <p:ph type="title"/>
          </p:nvPr>
        </p:nvSpPr>
        <p:spPr/>
        <p:txBody>
          <a:bodyPr/>
          <a:lstStyle/>
          <a:p>
            <a:r>
              <a:rPr lang="en-GB" dirty="0"/>
              <a:t>3. Framing the choices that we make</a:t>
            </a:r>
            <a:br>
              <a:rPr lang="en-GB" dirty="0"/>
            </a:br>
            <a:br>
              <a:rPr lang="en-GB" dirty="0"/>
            </a:br>
            <a:br>
              <a:rPr lang="en-GB" dirty="0"/>
            </a:br>
            <a:endParaRPr lang="en-GB" dirty="0"/>
          </a:p>
        </p:txBody>
      </p:sp>
    </p:spTree>
    <p:extLst>
      <p:ext uri="{BB962C8B-B14F-4D97-AF65-F5344CB8AC3E}">
        <p14:creationId xmlns:p14="http://schemas.microsoft.com/office/powerpoint/2010/main" val="326264188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4E2C5BD-7F55-A78F-BB1F-B4B7F0D2E971}"/>
              </a:ext>
            </a:extLst>
          </p:cNvPr>
          <p:cNvSpPr>
            <a:spLocks noGrp="1"/>
          </p:cNvSpPr>
          <p:nvPr>
            <p:ph type="title"/>
          </p:nvPr>
        </p:nvSpPr>
        <p:spPr/>
        <p:txBody>
          <a:bodyPr/>
          <a:lstStyle/>
          <a:p>
            <a:r>
              <a:rPr lang="en-GB" dirty="0"/>
              <a:t>Zoom out before zooming in</a:t>
            </a:r>
          </a:p>
        </p:txBody>
      </p:sp>
      <p:sp>
        <p:nvSpPr>
          <p:cNvPr id="3" name="AutoShape 2">
            <a:extLst>
              <a:ext uri="{FF2B5EF4-FFF2-40B4-BE49-F238E27FC236}">
                <a16:creationId xmlns:a16="http://schemas.microsoft.com/office/drawing/2014/main" id="{68332BBA-D49A-5CD6-91BD-9F09758BA45E}"/>
              </a:ext>
            </a:extLst>
          </p:cNvPr>
          <p:cNvSpPr>
            <a:spLocks noChangeAspect="1" noChangeArrowheads="1"/>
          </p:cNvSpPr>
          <p:nvPr/>
        </p:nvSpPr>
        <p:spPr bwMode="auto">
          <a:xfrm>
            <a:off x="5943600" y="3276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pic>
        <p:nvPicPr>
          <p:cNvPr id="4" name="Picture 3">
            <a:extLst>
              <a:ext uri="{FF2B5EF4-FFF2-40B4-BE49-F238E27FC236}">
                <a16:creationId xmlns:a16="http://schemas.microsoft.com/office/drawing/2014/main" id="{52A8FB80-4B7C-1468-DB3F-A5FE5FC5739E}"/>
              </a:ext>
            </a:extLst>
          </p:cNvPr>
          <p:cNvPicPr>
            <a:picLocks noChangeAspect="1"/>
          </p:cNvPicPr>
          <p:nvPr/>
        </p:nvPicPr>
        <p:blipFill>
          <a:blip r:embed="rId3"/>
          <a:stretch>
            <a:fillRect/>
          </a:stretch>
        </p:blipFill>
        <p:spPr>
          <a:xfrm>
            <a:off x="1545973" y="1344927"/>
            <a:ext cx="9350041" cy="5360073"/>
          </a:xfrm>
          <a:prstGeom prst="rect">
            <a:avLst/>
          </a:prstGeom>
        </p:spPr>
      </p:pic>
      <p:sp>
        <p:nvSpPr>
          <p:cNvPr id="5" name="TextBox 4">
            <a:extLst>
              <a:ext uri="{FF2B5EF4-FFF2-40B4-BE49-F238E27FC236}">
                <a16:creationId xmlns:a16="http://schemas.microsoft.com/office/drawing/2014/main" id="{1499A924-CAB2-B711-DE2A-BD1AB8FEBE0F}"/>
              </a:ext>
            </a:extLst>
          </p:cNvPr>
          <p:cNvSpPr txBox="1"/>
          <p:nvPr/>
        </p:nvSpPr>
        <p:spPr>
          <a:xfrm>
            <a:off x="10214811" y="6427113"/>
            <a:ext cx="1864894" cy="430887"/>
          </a:xfrm>
          <a:prstGeom prst="rect">
            <a:avLst/>
          </a:prstGeom>
          <a:noFill/>
        </p:spPr>
        <p:txBody>
          <a:bodyPr wrap="square" lIns="0" tIns="0" rIns="0" bIns="0" rtlCol="0">
            <a:spAutoFit/>
          </a:bodyPr>
          <a:lstStyle/>
          <a:p>
            <a:pPr algn="l"/>
            <a:r>
              <a:rPr lang="en-GB" sz="1400" dirty="0"/>
              <a:t>Adapted from UK Design Council Double Diamond</a:t>
            </a:r>
          </a:p>
        </p:txBody>
      </p:sp>
    </p:spTree>
    <p:extLst>
      <p:ext uri="{BB962C8B-B14F-4D97-AF65-F5344CB8AC3E}">
        <p14:creationId xmlns:p14="http://schemas.microsoft.com/office/powerpoint/2010/main" val="207477663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EB20CADB-37DD-EB4D-172F-7B8539755699}"/>
              </a:ext>
            </a:extLst>
          </p:cNvPr>
          <p:cNvSpPr/>
          <p:nvPr/>
        </p:nvSpPr>
        <p:spPr>
          <a:xfrm>
            <a:off x="9403032" y="4684983"/>
            <a:ext cx="1693268" cy="1475733"/>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sz="1092"/>
          </a:p>
        </p:txBody>
      </p:sp>
      <p:sp>
        <p:nvSpPr>
          <p:cNvPr id="7" name="Rectangle 6">
            <a:extLst>
              <a:ext uri="{FF2B5EF4-FFF2-40B4-BE49-F238E27FC236}">
                <a16:creationId xmlns:a16="http://schemas.microsoft.com/office/drawing/2014/main" id="{CBE4F355-FED4-4019-389C-F44D8D651E6A}"/>
              </a:ext>
            </a:extLst>
          </p:cNvPr>
          <p:cNvSpPr/>
          <p:nvPr/>
        </p:nvSpPr>
        <p:spPr>
          <a:xfrm>
            <a:off x="5680911" y="5045417"/>
            <a:ext cx="1693268" cy="1348555"/>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sz="1092"/>
          </a:p>
        </p:txBody>
      </p:sp>
      <p:sp>
        <p:nvSpPr>
          <p:cNvPr id="6" name="Rectangle 5">
            <a:extLst>
              <a:ext uri="{FF2B5EF4-FFF2-40B4-BE49-F238E27FC236}">
                <a16:creationId xmlns:a16="http://schemas.microsoft.com/office/drawing/2014/main" id="{639393C1-EA58-A1A7-7F3C-AB12E468066C}"/>
              </a:ext>
            </a:extLst>
          </p:cNvPr>
          <p:cNvSpPr/>
          <p:nvPr/>
        </p:nvSpPr>
        <p:spPr>
          <a:xfrm>
            <a:off x="9736539" y="2002249"/>
            <a:ext cx="2030179" cy="1856202"/>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sz="1092"/>
          </a:p>
        </p:txBody>
      </p:sp>
      <p:sp>
        <p:nvSpPr>
          <p:cNvPr id="5" name="Rectangle 4">
            <a:extLst>
              <a:ext uri="{FF2B5EF4-FFF2-40B4-BE49-F238E27FC236}">
                <a16:creationId xmlns:a16="http://schemas.microsoft.com/office/drawing/2014/main" id="{903401CB-F807-3D2D-A83E-5A0538ED1CB0}"/>
              </a:ext>
            </a:extLst>
          </p:cNvPr>
          <p:cNvSpPr/>
          <p:nvPr/>
        </p:nvSpPr>
        <p:spPr>
          <a:xfrm>
            <a:off x="646756" y="2036750"/>
            <a:ext cx="1693268" cy="1639564"/>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sz="1092"/>
          </a:p>
        </p:txBody>
      </p:sp>
      <p:sp>
        <p:nvSpPr>
          <p:cNvPr id="16" name="Rectangle 15">
            <a:extLst>
              <a:ext uri="{FF2B5EF4-FFF2-40B4-BE49-F238E27FC236}">
                <a16:creationId xmlns:a16="http://schemas.microsoft.com/office/drawing/2014/main" id="{79A05E44-8DF2-851A-31BB-092F1B610A4A}"/>
              </a:ext>
            </a:extLst>
          </p:cNvPr>
          <p:cNvSpPr/>
          <p:nvPr/>
        </p:nvSpPr>
        <p:spPr>
          <a:xfrm>
            <a:off x="1035709" y="4384645"/>
            <a:ext cx="1631045" cy="1709687"/>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sz="1092"/>
          </a:p>
        </p:txBody>
      </p:sp>
      <p:sp>
        <p:nvSpPr>
          <p:cNvPr id="15" name="Marcador de texto 2">
            <a:extLst>
              <a:ext uri="{FF2B5EF4-FFF2-40B4-BE49-F238E27FC236}">
                <a16:creationId xmlns:a16="http://schemas.microsoft.com/office/drawing/2014/main" id="{60078C73-0B3D-99ED-C0CE-8758BE22830A}"/>
              </a:ext>
            </a:extLst>
          </p:cNvPr>
          <p:cNvSpPr txBox="1">
            <a:spLocks/>
          </p:cNvSpPr>
          <p:nvPr/>
        </p:nvSpPr>
        <p:spPr>
          <a:xfrm>
            <a:off x="774040" y="2112918"/>
            <a:ext cx="1397307" cy="1155194"/>
          </a:xfrm>
          <a:prstGeom prst="rect">
            <a:avLst/>
          </a:prstGeom>
        </p:spPr>
        <p:txBody>
          <a:bodyPr vert="horz" wrap="square" lIns="0" tIns="0" rIns="0" bIns="0" rtlCol="0">
            <a:noAutofit/>
          </a:bodyPr>
          <a:lstStyle>
            <a:lvl1pPr marL="0" indent="0" algn="l" defTabSz="1507846" rtl="0" eaLnBrk="1" latinLnBrk="0" hangingPunct="1">
              <a:lnSpc>
                <a:spcPct val="100000"/>
              </a:lnSpc>
              <a:spcBef>
                <a:spcPts val="0"/>
              </a:spcBef>
              <a:spcAft>
                <a:spcPts val="800"/>
              </a:spcAft>
              <a:buFontTx/>
              <a:buNone/>
              <a:defRPr sz="1649" b="1" kern="1200">
                <a:solidFill>
                  <a:schemeClr val="tx2"/>
                </a:solidFill>
                <a:latin typeface="Arial" panose="020B0604020202020204" pitchFamily="34" charset="0"/>
                <a:ea typeface="+mn-ea"/>
                <a:cs typeface="Arial" panose="020B0604020202020204" pitchFamily="34" charset="0"/>
              </a:defRPr>
            </a:lvl1pPr>
            <a:lvl2pPr marL="771732" indent="-356184" algn="l" defTabSz="1507846" rtl="0" eaLnBrk="1" latinLnBrk="0" hangingPunct="1">
              <a:lnSpc>
                <a:spcPct val="90000"/>
              </a:lnSpc>
              <a:spcBef>
                <a:spcPts val="824"/>
              </a:spcBef>
              <a:buFont typeface="Arial" panose="020B0604020202020204" pitchFamily="34" charset="0"/>
              <a:buChar char="•"/>
              <a:defRPr sz="3958" kern="1200">
                <a:solidFill>
                  <a:schemeClr val="tx1"/>
                </a:solidFill>
                <a:latin typeface="+mn-lt"/>
                <a:ea typeface="+mn-ea"/>
                <a:cs typeface="+mn-cs"/>
              </a:defRPr>
            </a:lvl2pPr>
            <a:lvl3pPr marL="1884807" indent="-376961" algn="l" defTabSz="1507846" rtl="0" eaLnBrk="1" latinLnBrk="0" hangingPunct="1">
              <a:lnSpc>
                <a:spcPct val="90000"/>
              </a:lnSpc>
              <a:spcBef>
                <a:spcPts val="824"/>
              </a:spcBef>
              <a:buFont typeface="Calibri" panose="020F0502020204030204" pitchFamily="34" charset="0"/>
              <a:buChar char="–"/>
              <a:defRPr sz="3298" kern="1200">
                <a:solidFill>
                  <a:schemeClr val="tx1"/>
                </a:solidFill>
                <a:latin typeface="+mn-lt"/>
                <a:ea typeface="+mn-ea"/>
                <a:cs typeface="+mn-cs"/>
              </a:defRPr>
            </a:lvl3pPr>
            <a:lvl4pPr marL="2638730" indent="-376961" algn="l" defTabSz="1507846" rtl="0" eaLnBrk="1" latinLnBrk="0" hangingPunct="1">
              <a:lnSpc>
                <a:spcPct val="90000"/>
              </a:lnSpc>
              <a:spcBef>
                <a:spcPts val="824"/>
              </a:spcBef>
              <a:buFont typeface="Calibri" panose="020F0502020204030204" pitchFamily="34" charset="0"/>
              <a:buChar char="–"/>
              <a:defRPr sz="2968" kern="1200">
                <a:solidFill>
                  <a:schemeClr val="tx1"/>
                </a:solidFill>
                <a:latin typeface="+mn-lt"/>
                <a:ea typeface="+mn-ea"/>
                <a:cs typeface="+mn-cs"/>
              </a:defRPr>
            </a:lvl4pPr>
            <a:lvl5pPr marL="3392653" indent="-376961" algn="l" defTabSz="1507846" rtl="0" eaLnBrk="1" latinLnBrk="0" hangingPunct="1">
              <a:lnSpc>
                <a:spcPct val="90000"/>
              </a:lnSpc>
              <a:spcBef>
                <a:spcPts val="824"/>
              </a:spcBef>
              <a:buFont typeface="Calibri" panose="020F0502020204030204" pitchFamily="34" charset="0"/>
              <a:buChar char="–"/>
              <a:defRPr sz="2968" kern="1200">
                <a:solidFill>
                  <a:schemeClr val="tx1"/>
                </a:solidFill>
                <a:latin typeface="+mn-lt"/>
                <a:ea typeface="+mn-ea"/>
                <a:cs typeface="+mn-cs"/>
              </a:defRPr>
            </a:lvl5pPr>
            <a:lvl6pPr marL="4146575"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6pPr>
            <a:lvl7pPr marL="4900498"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7pPr>
            <a:lvl8pPr marL="5654421"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8pPr>
            <a:lvl9pPr marL="6408344"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9pPr>
          </a:lstStyle>
          <a:p>
            <a:r>
              <a:rPr lang="en-GB" sz="1200"/>
              <a:t>Climate change &amp; Extreme events</a:t>
            </a:r>
          </a:p>
          <a:p>
            <a:r>
              <a:rPr lang="en-GB" sz="1100" b="0">
                <a:solidFill>
                  <a:schemeClr val="tx1"/>
                </a:solidFill>
                <a:latin typeface="+mj-lt"/>
              </a:rPr>
              <a:t>Climate change </a:t>
            </a:r>
          </a:p>
          <a:p>
            <a:r>
              <a:rPr lang="en-GB" sz="1100" b="0">
                <a:solidFill>
                  <a:schemeClr val="tx1"/>
                </a:solidFill>
                <a:latin typeface="+mj-lt"/>
              </a:rPr>
              <a:t>Extreme weather events</a:t>
            </a:r>
          </a:p>
          <a:p>
            <a:r>
              <a:rPr lang="en-GB" sz="1100" b="0">
                <a:solidFill>
                  <a:schemeClr val="tx1"/>
                </a:solidFill>
                <a:latin typeface="+mj-lt"/>
              </a:rPr>
              <a:t>Natural hazards</a:t>
            </a:r>
          </a:p>
          <a:p>
            <a:r>
              <a:rPr lang="en-GB" sz="1100" b="0">
                <a:solidFill>
                  <a:schemeClr val="tx1"/>
                </a:solidFill>
                <a:latin typeface="+mj-lt"/>
              </a:rPr>
              <a:t>Geopolitical uncertainty</a:t>
            </a:r>
          </a:p>
          <a:p>
            <a:endParaRPr lang="en-GB" sz="970" b="0"/>
          </a:p>
        </p:txBody>
      </p:sp>
      <p:sp>
        <p:nvSpPr>
          <p:cNvPr id="29" name="Marcador de texto 2">
            <a:extLst>
              <a:ext uri="{FF2B5EF4-FFF2-40B4-BE49-F238E27FC236}">
                <a16:creationId xmlns:a16="http://schemas.microsoft.com/office/drawing/2014/main" id="{7BD2F24E-613D-726C-4DBD-17835A2976B7}"/>
              </a:ext>
            </a:extLst>
          </p:cNvPr>
          <p:cNvSpPr txBox="1">
            <a:spLocks/>
          </p:cNvSpPr>
          <p:nvPr/>
        </p:nvSpPr>
        <p:spPr>
          <a:xfrm>
            <a:off x="1130270" y="4438306"/>
            <a:ext cx="1522066" cy="1155194"/>
          </a:xfrm>
          <a:prstGeom prst="rect">
            <a:avLst/>
          </a:prstGeom>
        </p:spPr>
        <p:txBody>
          <a:bodyPr vert="horz" wrap="square" lIns="0" tIns="0" rIns="0" bIns="0" rtlCol="0">
            <a:noAutofit/>
          </a:bodyPr>
          <a:lstStyle>
            <a:lvl1pPr marL="0" indent="0" algn="l" defTabSz="1507846" rtl="0" eaLnBrk="1" latinLnBrk="0" hangingPunct="1">
              <a:lnSpc>
                <a:spcPct val="100000"/>
              </a:lnSpc>
              <a:spcBef>
                <a:spcPts val="0"/>
              </a:spcBef>
              <a:spcAft>
                <a:spcPts val="800"/>
              </a:spcAft>
              <a:buFontTx/>
              <a:buNone/>
              <a:defRPr sz="1649" b="1" kern="1200">
                <a:solidFill>
                  <a:schemeClr val="tx2"/>
                </a:solidFill>
                <a:latin typeface="Arial" panose="020B0604020202020204" pitchFamily="34" charset="0"/>
                <a:ea typeface="+mn-ea"/>
                <a:cs typeface="Arial" panose="020B0604020202020204" pitchFamily="34" charset="0"/>
              </a:defRPr>
            </a:lvl1pPr>
            <a:lvl2pPr marL="771732" indent="-356184" algn="l" defTabSz="1507846" rtl="0" eaLnBrk="1" latinLnBrk="0" hangingPunct="1">
              <a:lnSpc>
                <a:spcPct val="90000"/>
              </a:lnSpc>
              <a:spcBef>
                <a:spcPts val="824"/>
              </a:spcBef>
              <a:buFont typeface="Arial" panose="020B0604020202020204" pitchFamily="34" charset="0"/>
              <a:buChar char="•"/>
              <a:defRPr sz="3958" kern="1200">
                <a:solidFill>
                  <a:schemeClr val="tx1"/>
                </a:solidFill>
                <a:latin typeface="+mn-lt"/>
                <a:ea typeface="+mn-ea"/>
                <a:cs typeface="+mn-cs"/>
              </a:defRPr>
            </a:lvl2pPr>
            <a:lvl3pPr marL="1884807" indent="-376961" algn="l" defTabSz="1507846" rtl="0" eaLnBrk="1" latinLnBrk="0" hangingPunct="1">
              <a:lnSpc>
                <a:spcPct val="90000"/>
              </a:lnSpc>
              <a:spcBef>
                <a:spcPts val="824"/>
              </a:spcBef>
              <a:buFont typeface="Calibri" panose="020F0502020204030204" pitchFamily="34" charset="0"/>
              <a:buChar char="–"/>
              <a:defRPr sz="3298" kern="1200">
                <a:solidFill>
                  <a:schemeClr val="tx1"/>
                </a:solidFill>
                <a:latin typeface="+mn-lt"/>
                <a:ea typeface="+mn-ea"/>
                <a:cs typeface="+mn-cs"/>
              </a:defRPr>
            </a:lvl3pPr>
            <a:lvl4pPr marL="2638730" indent="-376961" algn="l" defTabSz="1507846" rtl="0" eaLnBrk="1" latinLnBrk="0" hangingPunct="1">
              <a:lnSpc>
                <a:spcPct val="90000"/>
              </a:lnSpc>
              <a:spcBef>
                <a:spcPts val="824"/>
              </a:spcBef>
              <a:buFont typeface="Calibri" panose="020F0502020204030204" pitchFamily="34" charset="0"/>
              <a:buChar char="–"/>
              <a:defRPr sz="2968" kern="1200">
                <a:solidFill>
                  <a:schemeClr val="tx1"/>
                </a:solidFill>
                <a:latin typeface="+mn-lt"/>
                <a:ea typeface="+mn-ea"/>
                <a:cs typeface="+mn-cs"/>
              </a:defRPr>
            </a:lvl4pPr>
            <a:lvl5pPr marL="3392653" indent="-376961" algn="l" defTabSz="1507846" rtl="0" eaLnBrk="1" latinLnBrk="0" hangingPunct="1">
              <a:lnSpc>
                <a:spcPct val="90000"/>
              </a:lnSpc>
              <a:spcBef>
                <a:spcPts val="824"/>
              </a:spcBef>
              <a:buFont typeface="Calibri" panose="020F0502020204030204" pitchFamily="34" charset="0"/>
              <a:buChar char="–"/>
              <a:defRPr sz="2968" kern="1200">
                <a:solidFill>
                  <a:schemeClr val="tx1"/>
                </a:solidFill>
                <a:latin typeface="+mn-lt"/>
                <a:ea typeface="+mn-ea"/>
                <a:cs typeface="+mn-cs"/>
              </a:defRPr>
            </a:lvl5pPr>
            <a:lvl6pPr marL="4146575"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6pPr>
            <a:lvl7pPr marL="4900498"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7pPr>
            <a:lvl8pPr marL="5654421"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8pPr>
            <a:lvl9pPr marL="6408344"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9pPr>
          </a:lstStyle>
          <a:p>
            <a:r>
              <a:rPr lang="en-GB" sz="1200"/>
              <a:t>Transformation</a:t>
            </a:r>
          </a:p>
          <a:p>
            <a:r>
              <a:rPr lang="en-GB" sz="1100" b="0">
                <a:solidFill>
                  <a:schemeClr val="tx1"/>
                </a:solidFill>
                <a:latin typeface="+mj-lt"/>
              </a:rPr>
              <a:t>Energy market transformation</a:t>
            </a:r>
          </a:p>
          <a:p>
            <a:r>
              <a:rPr lang="en-GB" sz="1100" b="0">
                <a:solidFill>
                  <a:schemeClr val="tx1"/>
                </a:solidFill>
                <a:latin typeface="+mj-lt"/>
              </a:rPr>
              <a:t>Regulatory Compliance</a:t>
            </a:r>
          </a:p>
          <a:p>
            <a:r>
              <a:rPr lang="en-GB" sz="1100" b="0">
                <a:solidFill>
                  <a:schemeClr val="tx1"/>
                </a:solidFill>
                <a:latin typeface="+mj-lt"/>
              </a:rPr>
              <a:t>Decarbonization &amp; Net Zero strategies</a:t>
            </a:r>
          </a:p>
          <a:p>
            <a:r>
              <a:rPr lang="en-GB" sz="1100" b="0">
                <a:solidFill>
                  <a:schemeClr val="tx1"/>
                </a:solidFill>
                <a:latin typeface="+mj-lt"/>
              </a:rPr>
              <a:t>Electrification</a:t>
            </a:r>
          </a:p>
          <a:p>
            <a:endParaRPr lang="en-GB" sz="1092" b="0">
              <a:solidFill>
                <a:schemeClr val="tx1"/>
              </a:solidFill>
              <a:latin typeface="+mj-lt"/>
            </a:endParaRPr>
          </a:p>
          <a:p>
            <a:r>
              <a:rPr lang="en-GB" sz="1092" b="0">
                <a:solidFill>
                  <a:schemeClr val="tx1"/>
                </a:solidFill>
                <a:latin typeface="+mj-lt"/>
              </a:rPr>
              <a:t> </a:t>
            </a:r>
          </a:p>
          <a:p>
            <a:endParaRPr lang="en-GB" sz="970" b="0"/>
          </a:p>
        </p:txBody>
      </p:sp>
      <p:sp>
        <p:nvSpPr>
          <p:cNvPr id="32" name="Marcador de texto 2">
            <a:extLst>
              <a:ext uri="{FF2B5EF4-FFF2-40B4-BE49-F238E27FC236}">
                <a16:creationId xmlns:a16="http://schemas.microsoft.com/office/drawing/2014/main" id="{AD0A2CA3-80DA-033D-E3D4-5B3FBADB6592}"/>
              </a:ext>
            </a:extLst>
          </p:cNvPr>
          <p:cNvSpPr txBox="1">
            <a:spLocks/>
          </p:cNvSpPr>
          <p:nvPr/>
        </p:nvSpPr>
        <p:spPr>
          <a:xfrm>
            <a:off x="9886274" y="2069157"/>
            <a:ext cx="1734742" cy="1155194"/>
          </a:xfrm>
          <a:prstGeom prst="rect">
            <a:avLst/>
          </a:prstGeom>
        </p:spPr>
        <p:txBody>
          <a:bodyPr vert="horz" wrap="square" lIns="0" tIns="0" rIns="0" bIns="0" rtlCol="0">
            <a:noAutofit/>
          </a:bodyPr>
          <a:lstStyle>
            <a:lvl1pPr marL="0" indent="0" algn="l" defTabSz="1507846" rtl="0" eaLnBrk="1" latinLnBrk="0" hangingPunct="1">
              <a:lnSpc>
                <a:spcPct val="100000"/>
              </a:lnSpc>
              <a:spcBef>
                <a:spcPts val="0"/>
              </a:spcBef>
              <a:spcAft>
                <a:spcPts val="800"/>
              </a:spcAft>
              <a:buFontTx/>
              <a:buNone/>
              <a:defRPr sz="1649" b="1" kern="1200">
                <a:solidFill>
                  <a:schemeClr val="tx2"/>
                </a:solidFill>
                <a:latin typeface="Arial" panose="020B0604020202020204" pitchFamily="34" charset="0"/>
                <a:ea typeface="+mn-ea"/>
                <a:cs typeface="Arial" panose="020B0604020202020204" pitchFamily="34" charset="0"/>
              </a:defRPr>
            </a:lvl1pPr>
            <a:lvl2pPr marL="771732" indent="-356184" algn="l" defTabSz="1507846" rtl="0" eaLnBrk="1" latinLnBrk="0" hangingPunct="1">
              <a:lnSpc>
                <a:spcPct val="90000"/>
              </a:lnSpc>
              <a:spcBef>
                <a:spcPts val="824"/>
              </a:spcBef>
              <a:buFont typeface="Arial" panose="020B0604020202020204" pitchFamily="34" charset="0"/>
              <a:buChar char="•"/>
              <a:defRPr sz="3958" kern="1200">
                <a:solidFill>
                  <a:schemeClr val="tx1"/>
                </a:solidFill>
                <a:latin typeface="+mn-lt"/>
                <a:ea typeface="+mn-ea"/>
                <a:cs typeface="+mn-cs"/>
              </a:defRPr>
            </a:lvl2pPr>
            <a:lvl3pPr marL="1884807" indent="-376961" algn="l" defTabSz="1507846" rtl="0" eaLnBrk="1" latinLnBrk="0" hangingPunct="1">
              <a:lnSpc>
                <a:spcPct val="90000"/>
              </a:lnSpc>
              <a:spcBef>
                <a:spcPts val="824"/>
              </a:spcBef>
              <a:buFont typeface="Calibri" panose="020F0502020204030204" pitchFamily="34" charset="0"/>
              <a:buChar char="–"/>
              <a:defRPr sz="3298" kern="1200">
                <a:solidFill>
                  <a:schemeClr val="tx1"/>
                </a:solidFill>
                <a:latin typeface="+mn-lt"/>
                <a:ea typeface="+mn-ea"/>
                <a:cs typeface="+mn-cs"/>
              </a:defRPr>
            </a:lvl3pPr>
            <a:lvl4pPr marL="2638730" indent="-376961" algn="l" defTabSz="1507846" rtl="0" eaLnBrk="1" latinLnBrk="0" hangingPunct="1">
              <a:lnSpc>
                <a:spcPct val="90000"/>
              </a:lnSpc>
              <a:spcBef>
                <a:spcPts val="824"/>
              </a:spcBef>
              <a:buFont typeface="Calibri" panose="020F0502020204030204" pitchFamily="34" charset="0"/>
              <a:buChar char="–"/>
              <a:defRPr sz="2968" kern="1200">
                <a:solidFill>
                  <a:schemeClr val="tx1"/>
                </a:solidFill>
                <a:latin typeface="+mn-lt"/>
                <a:ea typeface="+mn-ea"/>
                <a:cs typeface="+mn-cs"/>
              </a:defRPr>
            </a:lvl4pPr>
            <a:lvl5pPr marL="3392653" indent="-376961" algn="l" defTabSz="1507846" rtl="0" eaLnBrk="1" latinLnBrk="0" hangingPunct="1">
              <a:lnSpc>
                <a:spcPct val="90000"/>
              </a:lnSpc>
              <a:spcBef>
                <a:spcPts val="824"/>
              </a:spcBef>
              <a:buFont typeface="Calibri" panose="020F0502020204030204" pitchFamily="34" charset="0"/>
              <a:buChar char="–"/>
              <a:defRPr sz="2968" kern="1200">
                <a:solidFill>
                  <a:schemeClr val="tx1"/>
                </a:solidFill>
                <a:latin typeface="+mn-lt"/>
                <a:ea typeface="+mn-ea"/>
                <a:cs typeface="+mn-cs"/>
              </a:defRPr>
            </a:lvl5pPr>
            <a:lvl6pPr marL="4146575"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6pPr>
            <a:lvl7pPr marL="4900498"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7pPr>
            <a:lvl8pPr marL="5654421"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8pPr>
            <a:lvl9pPr marL="6408344"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9pPr>
          </a:lstStyle>
          <a:p>
            <a:r>
              <a:rPr lang="en-GB" sz="1200"/>
              <a:t>Technological</a:t>
            </a:r>
          </a:p>
          <a:p>
            <a:r>
              <a:rPr lang="en-GB" sz="1100" b="0">
                <a:solidFill>
                  <a:schemeClr val="tx1"/>
                </a:solidFill>
                <a:latin typeface="+mj-lt"/>
              </a:rPr>
              <a:t>Electrical grid outage</a:t>
            </a:r>
          </a:p>
          <a:p>
            <a:r>
              <a:rPr lang="en-GB" sz="1100" b="0">
                <a:solidFill>
                  <a:schemeClr val="tx1"/>
                </a:solidFill>
                <a:latin typeface="+mj-lt"/>
              </a:rPr>
              <a:t>Intermittency of renewables</a:t>
            </a:r>
          </a:p>
          <a:p>
            <a:r>
              <a:rPr lang="en-GB" sz="1100" b="0">
                <a:solidFill>
                  <a:schemeClr val="tx1"/>
                </a:solidFill>
                <a:latin typeface="+mj-lt"/>
              </a:rPr>
              <a:t>Digitalization</a:t>
            </a:r>
          </a:p>
          <a:p>
            <a:r>
              <a:rPr lang="en-GB" sz="1100" b="0">
                <a:solidFill>
                  <a:schemeClr val="tx1"/>
                </a:solidFill>
                <a:latin typeface="+mj-lt"/>
              </a:rPr>
              <a:t>New, disruptive technologies</a:t>
            </a:r>
          </a:p>
          <a:p>
            <a:r>
              <a:rPr lang="en-GB" sz="1100" b="0">
                <a:solidFill>
                  <a:schemeClr val="tx1"/>
                </a:solidFill>
                <a:latin typeface="+mj-lt"/>
              </a:rPr>
              <a:t>Increasing interconnectedness of systems </a:t>
            </a:r>
          </a:p>
          <a:p>
            <a:endParaRPr lang="en-GB" sz="970" b="0"/>
          </a:p>
        </p:txBody>
      </p:sp>
      <p:sp>
        <p:nvSpPr>
          <p:cNvPr id="35" name="Marcador de texto 2">
            <a:extLst>
              <a:ext uri="{FF2B5EF4-FFF2-40B4-BE49-F238E27FC236}">
                <a16:creationId xmlns:a16="http://schemas.microsoft.com/office/drawing/2014/main" id="{A87CD723-64BF-4673-347C-E19F9897474D}"/>
              </a:ext>
            </a:extLst>
          </p:cNvPr>
          <p:cNvSpPr txBox="1">
            <a:spLocks/>
          </p:cNvSpPr>
          <p:nvPr/>
        </p:nvSpPr>
        <p:spPr>
          <a:xfrm>
            <a:off x="9610249" y="4802040"/>
            <a:ext cx="1740612" cy="1155194"/>
          </a:xfrm>
          <a:prstGeom prst="rect">
            <a:avLst/>
          </a:prstGeom>
        </p:spPr>
        <p:txBody>
          <a:bodyPr vert="horz" wrap="square" lIns="0" tIns="0" rIns="0" bIns="0" rtlCol="0">
            <a:noAutofit/>
          </a:bodyPr>
          <a:lstStyle>
            <a:lvl1pPr marL="0" indent="0" algn="l" defTabSz="1507846" rtl="0" eaLnBrk="1" latinLnBrk="0" hangingPunct="1">
              <a:lnSpc>
                <a:spcPct val="100000"/>
              </a:lnSpc>
              <a:spcBef>
                <a:spcPts val="0"/>
              </a:spcBef>
              <a:spcAft>
                <a:spcPts val="800"/>
              </a:spcAft>
              <a:buFontTx/>
              <a:buNone/>
              <a:defRPr sz="1649" b="1" kern="1200">
                <a:solidFill>
                  <a:schemeClr val="tx2"/>
                </a:solidFill>
                <a:latin typeface="Arial" panose="020B0604020202020204" pitchFamily="34" charset="0"/>
                <a:ea typeface="+mn-ea"/>
                <a:cs typeface="Arial" panose="020B0604020202020204" pitchFamily="34" charset="0"/>
              </a:defRPr>
            </a:lvl1pPr>
            <a:lvl2pPr marL="771732" indent="-356184" algn="l" defTabSz="1507846" rtl="0" eaLnBrk="1" latinLnBrk="0" hangingPunct="1">
              <a:lnSpc>
                <a:spcPct val="90000"/>
              </a:lnSpc>
              <a:spcBef>
                <a:spcPts val="824"/>
              </a:spcBef>
              <a:buFont typeface="Arial" panose="020B0604020202020204" pitchFamily="34" charset="0"/>
              <a:buChar char="•"/>
              <a:defRPr sz="3958" kern="1200">
                <a:solidFill>
                  <a:schemeClr val="tx1"/>
                </a:solidFill>
                <a:latin typeface="+mn-lt"/>
                <a:ea typeface="+mn-ea"/>
                <a:cs typeface="+mn-cs"/>
              </a:defRPr>
            </a:lvl2pPr>
            <a:lvl3pPr marL="1884807" indent="-376961" algn="l" defTabSz="1507846" rtl="0" eaLnBrk="1" latinLnBrk="0" hangingPunct="1">
              <a:lnSpc>
                <a:spcPct val="90000"/>
              </a:lnSpc>
              <a:spcBef>
                <a:spcPts val="824"/>
              </a:spcBef>
              <a:buFont typeface="Calibri" panose="020F0502020204030204" pitchFamily="34" charset="0"/>
              <a:buChar char="–"/>
              <a:defRPr sz="3298" kern="1200">
                <a:solidFill>
                  <a:schemeClr val="tx1"/>
                </a:solidFill>
                <a:latin typeface="+mn-lt"/>
                <a:ea typeface="+mn-ea"/>
                <a:cs typeface="+mn-cs"/>
              </a:defRPr>
            </a:lvl3pPr>
            <a:lvl4pPr marL="2638730" indent="-376961" algn="l" defTabSz="1507846" rtl="0" eaLnBrk="1" latinLnBrk="0" hangingPunct="1">
              <a:lnSpc>
                <a:spcPct val="90000"/>
              </a:lnSpc>
              <a:spcBef>
                <a:spcPts val="824"/>
              </a:spcBef>
              <a:buFont typeface="Calibri" panose="020F0502020204030204" pitchFamily="34" charset="0"/>
              <a:buChar char="–"/>
              <a:defRPr sz="2968" kern="1200">
                <a:solidFill>
                  <a:schemeClr val="tx1"/>
                </a:solidFill>
                <a:latin typeface="+mn-lt"/>
                <a:ea typeface="+mn-ea"/>
                <a:cs typeface="+mn-cs"/>
              </a:defRPr>
            </a:lvl4pPr>
            <a:lvl5pPr marL="3392653" indent="-376961" algn="l" defTabSz="1507846" rtl="0" eaLnBrk="1" latinLnBrk="0" hangingPunct="1">
              <a:lnSpc>
                <a:spcPct val="90000"/>
              </a:lnSpc>
              <a:spcBef>
                <a:spcPts val="824"/>
              </a:spcBef>
              <a:buFont typeface="Calibri" panose="020F0502020204030204" pitchFamily="34" charset="0"/>
              <a:buChar char="–"/>
              <a:defRPr sz="2968" kern="1200">
                <a:solidFill>
                  <a:schemeClr val="tx1"/>
                </a:solidFill>
                <a:latin typeface="+mn-lt"/>
                <a:ea typeface="+mn-ea"/>
                <a:cs typeface="+mn-cs"/>
              </a:defRPr>
            </a:lvl5pPr>
            <a:lvl6pPr marL="4146575"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6pPr>
            <a:lvl7pPr marL="4900498"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7pPr>
            <a:lvl8pPr marL="5654421"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8pPr>
            <a:lvl9pPr marL="6408344"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9pPr>
          </a:lstStyle>
          <a:p>
            <a:r>
              <a:rPr lang="en-GB" sz="1200"/>
              <a:t>Adversarial</a:t>
            </a:r>
          </a:p>
          <a:p>
            <a:r>
              <a:rPr lang="en-GB" sz="1100" b="0">
                <a:solidFill>
                  <a:schemeClr val="tx1"/>
                </a:solidFill>
                <a:latin typeface="+mj-lt"/>
              </a:rPr>
              <a:t>War</a:t>
            </a:r>
          </a:p>
          <a:p>
            <a:r>
              <a:rPr lang="en-GB" sz="1100" b="0">
                <a:solidFill>
                  <a:schemeClr val="tx1"/>
                </a:solidFill>
                <a:latin typeface="+mj-lt"/>
              </a:rPr>
              <a:t>Cyber-attacks</a:t>
            </a:r>
          </a:p>
          <a:p>
            <a:r>
              <a:rPr lang="en-GB" sz="1100" b="0">
                <a:solidFill>
                  <a:schemeClr val="tx1"/>
                </a:solidFill>
                <a:latin typeface="+mj-lt"/>
              </a:rPr>
              <a:t>Acts of terror </a:t>
            </a:r>
          </a:p>
          <a:p>
            <a:r>
              <a:rPr lang="en-GB" sz="1100" b="0">
                <a:solidFill>
                  <a:schemeClr val="tx1"/>
                </a:solidFill>
                <a:latin typeface="+mj-lt"/>
              </a:rPr>
              <a:t>Energy price instability </a:t>
            </a:r>
            <a:r>
              <a:rPr lang="en-GB" sz="1092" b="0">
                <a:solidFill>
                  <a:schemeClr val="tx1"/>
                </a:solidFill>
                <a:latin typeface="+mj-lt"/>
              </a:rPr>
              <a:t> </a:t>
            </a:r>
          </a:p>
        </p:txBody>
      </p:sp>
      <p:sp>
        <p:nvSpPr>
          <p:cNvPr id="38" name="Marcador de texto 2">
            <a:extLst>
              <a:ext uri="{FF2B5EF4-FFF2-40B4-BE49-F238E27FC236}">
                <a16:creationId xmlns:a16="http://schemas.microsoft.com/office/drawing/2014/main" id="{29CC5D5A-046D-EFFB-76DB-0B0C984DBB67}"/>
              </a:ext>
            </a:extLst>
          </p:cNvPr>
          <p:cNvSpPr txBox="1">
            <a:spLocks/>
          </p:cNvSpPr>
          <p:nvPr/>
        </p:nvSpPr>
        <p:spPr>
          <a:xfrm>
            <a:off x="5849935" y="5143758"/>
            <a:ext cx="1266862" cy="1155194"/>
          </a:xfrm>
          <a:prstGeom prst="rect">
            <a:avLst/>
          </a:prstGeom>
        </p:spPr>
        <p:txBody>
          <a:bodyPr vert="horz" wrap="square" lIns="0" tIns="0" rIns="0" bIns="0" rtlCol="0">
            <a:noAutofit/>
          </a:bodyPr>
          <a:lstStyle>
            <a:lvl1pPr marL="0" indent="0" algn="l" defTabSz="1507846" rtl="0" eaLnBrk="1" latinLnBrk="0" hangingPunct="1">
              <a:lnSpc>
                <a:spcPct val="100000"/>
              </a:lnSpc>
              <a:spcBef>
                <a:spcPts val="0"/>
              </a:spcBef>
              <a:spcAft>
                <a:spcPts val="800"/>
              </a:spcAft>
              <a:buFontTx/>
              <a:buNone/>
              <a:defRPr sz="1649" b="1" kern="1200">
                <a:solidFill>
                  <a:schemeClr val="tx2"/>
                </a:solidFill>
                <a:latin typeface="Arial" panose="020B0604020202020204" pitchFamily="34" charset="0"/>
                <a:ea typeface="+mn-ea"/>
                <a:cs typeface="Arial" panose="020B0604020202020204" pitchFamily="34" charset="0"/>
              </a:defRPr>
            </a:lvl1pPr>
            <a:lvl2pPr marL="771732" indent="-356184" algn="l" defTabSz="1507846" rtl="0" eaLnBrk="1" latinLnBrk="0" hangingPunct="1">
              <a:lnSpc>
                <a:spcPct val="90000"/>
              </a:lnSpc>
              <a:spcBef>
                <a:spcPts val="824"/>
              </a:spcBef>
              <a:buFont typeface="Arial" panose="020B0604020202020204" pitchFamily="34" charset="0"/>
              <a:buChar char="•"/>
              <a:defRPr sz="3958" kern="1200">
                <a:solidFill>
                  <a:schemeClr val="tx1"/>
                </a:solidFill>
                <a:latin typeface="+mn-lt"/>
                <a:ea typeface="+mn-ea"/>
                <a:cs typeface="+mn-cs"/>
              </a:defRPr>
            </a:lvl2pPr>
            <a:lvl3pPr marL="1884807" indent="-376961" algn="l" defTabSz="1507846" rtl="0" eaLnBrk="1" latinLnBrk="0" hangingPunct="1">
              <a:lnSpc>
                <a:spcPct val="90000"/>
              </a:lnSpc>
              <a:spcBef>
                <a:spcPts val="824"/>
              </a:spcBef>
              <a:buFont typeface="Calibri" panose="020F0502020204030204" pitchFamily="34" charset="0"/>
              <a:buChar char="–"/>
              <a:defRPr sz="3298" kern="1200">
                <a:solidFill>
                  <a:schemeClr val="tx1"/>
                </a:solidFill>
                <a:latin typeface="+mn-lt"/>
                <a:ea typeface="+mn-ea"/>
                <a:cs typeface="+mn-cs"/>
              </a:defRPr>
            </a:lvl3pPr>
            <a:lvl4pPr marL="2638730" indent="-376961" algn="l" defTabSz="1507846" rtl="0" eaLnBrk="1" latinLnBrk="0" hangingPunct="1">
              <a:lnSpc>
                <a:spcPct val="90000"/>
              </a:lnSpc>
              <a:spcBef>
                <a:spcPts val="824"/>
              </a:spcBef>
              <a:buFont typeface="Calibri" panose="020F0502020204030204" pitchFamily="34" charset="0"/>
              <a:buChar char="–"/>
              <a:defRPr sz="2968" kern="1200">
                <a:solidFill>
                  <a:schemeClr val="tx1"/>
                </a:solidFill>
                <a:latin typeface="+mn-lt"/>
                <a:ea typeface="+mn-ea"/>
                <a:cs typeface="+mn-cs"/>
              </a:defRPr>
            </a:lvl4pPr>
            <a:lvl5pPr marL="3392653" indent="-376961" algn="l" defTabSz="1507846" rtl="0" eaLnBrk="1" latinLnBrk="0" hangingPunct="1">
              <a:lnSpc>
                <a:spcPct val="90000"/>
              </a:lnSpc>
              <a:spcBef>
                <a:spcPts val="824"/>
              </a:spcBef>
              <a:buFont typeface="Calibri" panose="020F0502020204030204" pitchFamily="34" charset="0"/>
              <a:buChar char="–"/>
              <a:defRPr sz="2968" kern="1200">
                <a:solidFill>
                  <a:schemeClr val="tx1"/>
                </a:solidFill>
                <a:latin typeface="+mn-lt"/>
                <a:ea typeface="+mn-ea"/>
                <a:cs typeface="+mn-cs"/>
              </a:defRPr>
            </a:lvl5pPr>
            <a:lvl6pPr marL="4146575"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6pPr>
            <a:lvl7pPr marL="4900498"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7pPr>
            <a:lvl8pPr marL="5654421"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8pPr>
            <a:lvl9pPr marL="6408344" indent="-376961" algn="l" defTabSz="1507846" rtl="0" eaLnBrk="1" latinLnBrk="0" hangingPunct="1">
              <a:lnSpc>
                <a:spcPct val="90000"/>
              </a:lnSpc>
              <a:spcBef>
                <a:spcPts val="824"/>
              </a:spcBef>
              <a:buFont typeface="Arial" panose="020B0604020202020204" pitchFamily="34" charset="0"/>
              <a:buChar char="•"/>
              <a:defRPr sz="2968" kern="1200">
                <a:solidFill>
                  <a:schemeClr val="tx1"/>
                </a:solidFill>
                <a:latin typeface="+mn-lt"/>
                <a:ea typeface="+mn-ea"/>
                <a:cs typeface="+mn-cs"/>
              </a:defRPr>
            </a:lvl9pPr>
          </a:lstStyle>
          <a:p>
            <a:r>
              <a:rPr lang="en-GB" sz="1200"/>
              <a:t>Human factors</a:t>
            </a:r>
          </a:p>
          <a:p>
            <a:r>
              <a:rPr lang="en-GB" sz="1100" b="0">
                <a:solidFill>
                  <a:schemeClr val="tx1"/>
                </a:solidFill>
                <a:latin typeface="+mj-lt"/>
              </a:rPr>
              <a:t>Growing population</a:t>
            </a:r>
          </a:p>
          <a:p>
            <a:r>
              <a:rPr lang="en-GB" sz="1100" b="0">
                <a:solidFill>
                  <a:schemeClr val="tx1"/>
                </a:solidFill>
                <a:latin typeface="+mj-lt"/>
              </a:rPr>
              <a:t>Changing demand &amp; consumer behaviors </a:t>
            </a:r>
          </a:p>
          <a:p>
            <a:r>
              <a:rPr lang="en-GB" sz="1100" b="0">
                <a:solidFill>
                  <a:schemeClr val="tx1"/>
                </a:solidFill>
                <a:latin typeface="+mj-lt"/>
              </a:rPr>
              <a:t>Human error </a:t>
            </a:r>
          </a:p>
          <a:p>
            <a:endParaRPr lang="en-GB" sz="970" b="0"/>
          </a:p>
        </p:txBody>
      </p:sp>
      <p:grpSp>
        <p:nvGrpSpPr>
          <p:cNvPr id="1143" name="Group 1142">
            <a:extLst>
              <a:ext uri="{FF2B5EF4-FFF2-40B4-BE49-F238E27FC236}">
                <a16:creationId xmlns:a16="http://schemas.microsoft.com/office/drawing/2014/main" id="{3F753715-0A85-B6E7-D819-33B06481236B}"/>
              </a:ext>
            </a:extLst>
          </p:cNvPr>
          <p:cNvGrpSpPr/>
          <p:nvPr/>
        </p:nvGrpSpPr>
        <p:grpSpPr>
          <a:xfrm>
            <a:off x="2458717" y="1961722"/>
            <a:ext cx="7144621" cy="2663443"/>
            <a:chOff x="6726226" y="5884935"/>
            <a:chExt cx="12607286" cy="4564000"/>
          </a:xfrm>
        </p:grpSpPr>
        <p:sp>
          <p:nvSpPr>
            <p:cNvPr id="781" name="Freeform: Shape 780">
              <a:extLst>
                <a:ext uri="{FF2B5EF4-FFF2-40B4-BE49-F238E27FC236}">
                  <a16:creationId xmlns:a16="http://schemas.microsoft.com/office/drawing/2014/main" id="{E2998987-8C27-45BC-A351-08E923C8D60A}"/>
                </a:ext>
              </a:extLst>
            </p:cNvPr>
            <p:cNvSpPr/>
            <p:nvPr/>
          </p:nvSpPr>
          <p:spPr>
            <a:xfrm>
              <a:off x="6726226" y="6860110"/>
              <a:ext cx="12607286" cy="12677"/>
            </a:xfrm>
            <a:custGeom>
              <a:avLst/>
              <a:gdLst>
                <a:gd name="connsiteX0" fmla="*/ 0 w 12607286"/>
                <a:gd name="connsiteY0" fmla="*/ 0 h 12677"/>
                <a:gd name="connsiteX1" fmla="*/ 12607286 w 12607286"/>
                <a:gd name="connsiteY1" fmla="*/ 0 h 12677"/>
              </a:gdLst>
              <a:ahLst/>
              <a:cxnLst>
                <a:cxn ang="0">
                  <a:pos x="connsiteX0" y="connsiteY0"/>
                </a:cxn>
                <a:cxn ang="0">
                  <a:pos x="connsiteX1" y="connsiteY1"/>
                </a:cxn>
              </a:cxnLst>
              <a:rect l="l" t="t" r="r" b="b"/>
              <a:pathLst>
                <a:path w="12607286" h="12677">
                  <a:moveTo>
                    <a:pt x="0" y="0"/>
                  </a:moveTo>
                  <a:lnTo>
                    <a:pt x="12607286" y="0"/>
                  </a:lnTo>
                </a:path>
              </a:pathLst>
            </a:custGeom>
            <a:ln w="12674" cap="rnd">
              <a:solidFill>
                <a:schemeClr val="tx1"/>
              </a:solidFill>
              <a:prstDash val="solid"/>
              <a:round/>
            </a:ln>
          </p:spPr>
          <p:txBody>
            <a:bodyPr rtlCol="0" anchor="ctr"/>
            <a:lstStyle/>
            <a:p>
              <a:endParaRPr lang="es-ES" sz="1092"/>
            </a:p>
          </p:txBody>
        </p:sp>
        <p:sp>
          <p:nvSpPr>
            <p:cNvPr id="782" name="Freeform: Shape 781">
              <a:extLst>
                <a:ext uri="{FF2B5EF4-FFF2-40B4-BE49-F238E27FC236}">
                  <a16:creationId xmlns:a16="http://schemas.microsoft.com/office/drawing/2014/main" id="{6D32E236-3701-4238-9BF8-F9C3B8338F67}"/>
                </a:ext>
              </a:extLst>
            </p:cNvPr>
            <p:cNvSpPr/>
            <p:nvPr/>
          </p:nvSpPr>
          <p:spPr>
            <a:xfrm>
              <a:off x="16144546" y="7584518"/>
              <a:ext cx="1774507" cy="355611"/>
            </a:xfrm>
            <a:custGeom>
              <a:avLst/>
              <a:gdLst>
                <a:gd name="connsiteX0" fmla="*/ 0 w 1774507"/>
                <a:gd name="connsiteY0" fmla="*/ 355612 h 355611"/>
                <a:gd name="connsiteX1" fmla="*/ 0 w 1774507"/>
                <a:gd name="connsiteY1" fmla="*/ 152133 h 355611"/>
                <a:gd name="connsiteX2" fmla="*/ 152133 w 1774507"/>
                <a:gd name="connsiteY2" fmla="*/ 0 h 355611"/>
                <a:gd name="connsiteX3" fmla="*/ 1774508 w 1774507"/>
                <a:gd name="connsiteY3" fmla="*/ 0 h 355611"/>
              </a:gdLst>
              <a:ahLst/>
              <a:cxnLst>
                <a:cxn ang="0">
                  <a:pos x="connsiteX0" y="connsiteY0"/>
                </a:cxn>
                <a:cxn ang="0">
                  <a:pos x="connsiteX1" y="connsiteY1"/>
                </a:cxn>
                <a:cxn ang="0">
                  <a:pos x="connsiteX2" y="connsiteY2"/>
                </a:cxn>
                <a:cxn ang="0">
                  <a:pos x="connsiteX3" y="connsiteY3"/>
                </a:cxn>
              </a:cxnLst>
              <a:rect l="l" t="t" r="r" b="b"/>
              <a:pathLst>
                <a:path w="1774507" h="355611">
                  <a:moveTo>
                    <a:pt x="0" y="355612"/>
                  </a:moveTo>
                  <a:lnTo>
                    <a:pt x="0" y="152133"/>
                  </a:lnTo>
                  <a:cubicBezTo>
                    <a:pt x="0" y="68080"/>
                    <a:pt x="68080" y="0"/>
                    <a:pt x="152133" y="0"/>
                  </a:cubicBezTo>
                  <a:lnTo>
                    <a:pt x="1774508" y="0"/>
                  </a:lnTo>
                </a:path>
              </a:pathLst>
            </a:custGeom>
            <a:noFill/>
            <a:ln w="12674" cap="rnd">
              <a:solidFill>
                <a:schemeClr val="tx1"/>
              </a:solidFill>
              <a:prstDash val="solid"/>
              <a:round/>
            </a:ln>
          </p:spPr>
          <p:txBody>
            <a:bodyPr rtlCol="0" anchor="ctr"/>
            <a:lstStyle/>
            <a:p>
              <a:endParaRPr lang="es-ES" sz="1092"/>
            </a:p>
          </p:txBody>
        </p:sp>
        <p:sp>
          <p:nvSpPr>
            <p:cNvPr id="783" name="Freeform: Shape 782">
              <a:extLst>
                <a:ext uri="{FF2B5EF4-FFF2-40B4-BE49-F238E27FC236}">
                  <a16:creationId xmlns:a16="http://schemas.microsoft.com/office/drawing/2014/main" id="{E45F7B19-29C5-6554-6B43-8B4E3A2159E9}"/>
                </a:ext>
              </a:extLst>
            </p:cNvPr>
            <p:cNvSpPr/>
            <p:nvPr/>
          </p:nvSpPr>
          <p:spPr>
            <a:xfrm>
              <a:off x="14728057" y="7940130"/>
              <a:ext cx="1704907" cy="774992"/>
            </a:xfrm>
            <a:custGeom>
              <a:avLst/>
              <a:gdLst>
                <a:gd name="connsiteX0" fmla="*/ 0 w 1704907"/>
                <a:gd name="connsiteY0" fmla="*/ 484798 h 774992"/>
                <a:gd name="connsiteX1" fmla="*/ 0 w 1704907"/>
                <a:gd name="connsiteY1" fmla="*/ 152133 h 774992"/>
                <a:gd name="connsiteX2" fmla="*/ 152133 w 1704907"/>
                <a:gd name="connsiteY2" fmla="*/ 0 h 774992"/>
                <a:gd name="connsiteX3" fmla="*/ 1552774 w 1704907"/>
                <a:gd name="connsiteY3" fmla="*/ 0 h 774992"/>
                <a:gd name="connsiteX4" fmla="*/ 1704908 w 1704907"/>
                <a:gd name="connsiteY4" fmla="*/ 152133 h 774992"/>
                <a:gd name="connsiteX5" fmla="*/ 1704908 w 1704907"/>
                <a:gd name="connsiteY5" fmla="*/ 774993 h 7749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04907" h="774992">
                  <a:moveTo>
                    <a:pt x="0" y="484798"/>
                  </a:moveTo>
                  <a:lnTo>
                    <a:pt x="0" y="152133"/>
                  </a:lnTo>
                  <a:cubicBezTo>
                    <a:pt x="0" y="68080"/>
                    <a:pt x="68080" y="0"/>
                    <a:pt x="152133" y="0"/>
                  </a:cubicBezTo>
                  <a:lnTo>
                    <a:pt x="1552774" y="0"/>
                  </a:lnTo>
                  <a:cubicBezTo>
                    <a:pt x="1636828" y="0"/>
                    <a:pt x="1704908" y="68080"/>
                    <a:pt x="1704908" y="152133"/>
                  </a:cubicBezTo>
                  <a:lnTo>
                    <a:pt x="1704908" y="774993"/>
                  </a:lnTo>
                </a:path>
              </a:pathLst>
            </a:custGeom>
            <a:noFill/>
            <a:ln w="12674" cap="rnd">
              <a:solidFill>
                <a:schemeClr val="tx1"/>
              </a:solidFill>
              <a:prstDash val="solid"/>
              <a:round/>
            </a:ln>
          </p:spPr>
          <p:txBody>
            <a:bodyPr rtlCol="0" anchor="ctr"/>
            <a:lstStyle/>
            <a:p>
              <a:endParaRPr lang="es-ES" sz="1092"/>
            </a:p>
          </p:txBody>
        </p:sp>
        <p:sp>
          <p:nvSpPr>
            <p:cNvPr id="784" name="Freeform: Shape 783">
              <a:extLst>
                <a:ext uri="{FF2B5EF4-FFF2-40B4-BE49-F238E27FC236}">
                  <a16:creationId xmlns:a16="http://schemas.microsoft.com/office/drawing/2014/main" id="{840427BB-8B91-B044-099A-E6630EAD1348}"/>
                </a:ext>
              </a:extLst>
            </p:cNvPr>
            <p:cNvSpPr/>
            <p:nvPr/>
          </p:nvSpPr>
          <p:spPr>
            <a:xfrm>
              <a:off x="7751478" y="7634088"/>
              <a:ext cx="1392019" cy="361063"/>
            </a:xfrm>
            <a:custGeom>
              <a:avLst/>
              <a:gdLst>
                <a:gd name="connsiteX0" fmla="*/ 1392020 w 1392019"/>
                <a:gd name="connsiteY0" fmla="*/ 361063 h 361063"/>
                <a:gd name="connsiteX1" fmla="*/ 152133 w 1392019"/>
                <a:gd name="connsiteY1" fmla="*/ 361063 h 361063"/>
                <a:gd name="connsiteX2" fmla="*/ 0 w 1392019"/>
                <a:gd name="connsiteY2" fmla="*/ 208930 h 361063"/>
                <a:gd name="connsiteX3" fmla="*/ 0 w 1392019"/>
                <a:gd name="connsiteY3" fmla="*/ 0 h 361063"/>
              </a:gdLst>
              <a:ahLst/>
              <a:cxnLst>
                <a:cxn ang="0">
                  <a:pos x="connsiteX0" y="connsiteY0"/>
                </a:cxn>
                <a:cxn ang="0">
                  <a:pos x="connsiteX1" y="connsiteY1"/>
                </a:cxn>
                <a:cxn ang="0">
                  <a:pos x="connsiteX2" y="connsiteY2"/>
                </a:cxn>
                <a:cxn ang="0">
                  <a:pos x="connsiteX3" y="connsiteY3"/>
                </a:cxn>
              </a:cxnLst>
              <a:rect l="l" t="t" r="r" b="b"/>
              <a:pathLst>
                <a:path w="1392019" h="361063">
                  <a:moveTo>
                    <a:pt x="1392020" y="361063"/>
                  </a:moveTo>
                  <a:lnTo>
                    <a:pt x="152133" y="361063"/>
                  </a:lnTo>
                  <a:cubicBezTo>
                    <a:pt x="68080" y="361063"/>
                    <a:pt x="0" y="292983"/>
                    <a:pt x="0" y="208930"/>
                  </a:cubicBezTo>
                  <a:lnTo>
                    <a:pt x="0" y="0"/>
                  </a:lnTo>
                </a:path>
              </a:pathLst>
            </a:custGeom>
            <a:noFill/>
            <a:ln w="12674" cap="rnd">
              <a:solidFill>
                <a:schemeClr val="tx1"/>
              </a:solidFill>
              <a:prstDash val="solid"/>
              <a:round/>
            </a:ln>
          </p:spPr>
          <p:txBody>
            <a:bodyPr rtlCol="0" anchor="ctr"/>
            <a:lstStyle/>
            <a:p>
              <a:endParaRPr lang="es-ES" sz="1092"/>
            </a:p>
          </p:txBody>
        </p:sp>
        <p:sp>
          <p:nvSpPr>
            <p:cNvPr id="785" name="Freeform: Shape 784">
              <a:extLst>
                <a:ext uri="{FF2B5EF4-FFF2-40B4-BE49-F238E27FC236}">
                  <a16:creationId xmlns:a16="http://schemas.microsoft.com/office/drawing/2014/main" id="{7676772E-B0A3-4E4B-36FD-A2249899ABF2}"/>
                </a:ext>
              </a:extLst>
            </p:cNvPr>
            <p:cNvSpPr/>
            <p:nvPr/>
          </p:nvSpPr>
          <p:spPr>
            <a:xfrm>
              <a:off x="6726226" y="6860110"/>
              <a:ext cx="3996034" cy="1988382"/>
            </a:xfrm>
            <a:custGeom>
              <a:avLst/>
              <a:gdLst>
                <a:gd name="connsiteX0" fmla="*/ 3664638 w 3996034"/>
                <a:gd name="connsiteY0" fmla="*/ 0 h 1988382"/>
                <a:gd name="connsiteX1" fmla="*/ 3996035 w 3996034"/>
                <a:gd name="connsiteY1" fmla="*/ 331397 h 1988382"/>
                <a:gd name="connsiteX2" fmla="*/ 3664638 w 3996034"/>
                <a:gd name="connsiteY2" fmla="*/ 662794 h 1988382"/>
                <a:gd name="connsiteX3" fmla="*/ 2935793 w 3996034"/>
                <a:gd name="connsiteY3" fmla="*/ 662794 h 1988382"/>
                <a:gd name="connsiteX4" fmla="*/ 2604395 w 3996034"/>
                <a:gd name="connsiteY4" fmla="*/ 994191 h 1988382"/>
                <a:gd name="connsiteX5" fmla="*/ 2935793 w 3996034"/>
                <a:gd name="connsiteY5" fmla="*/ 1325589 h 1988382"/>
                <a:gd name="connsiteX6" fmla="*/ 3098575 w 3996034"/>
                <a:gd name="connsiteY6" fmla="*/ 1325589 h 1988382"/>
                <a:gd name="connsiteX7" fmla="*/ 3429972 w 3996034"/>
                <a:gd name="connsiteY7" fmla="*/ 1656986 h 1988382"/>
                <a:gd name="connsiteX8" fmla="*/ 3098575 w 3996034"/>
                <a:gd name="connsiteY8" fmla="*/ 1988383 h 1988382"/>
                <a:gd name="connsiteX9" fmla="*/ 0 w 3996034"/>
                <a:gd name="connsiteY9" fmla="*/ 1988383 h 19883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996034" h="1988382">
                  <a:moveTo>
                    <a:pt x="3664638" y="0"/>
                  </a:moveTo>
                  <a:cubicBezTo>
                    <a:pt x="3847705" y="0"/>
                    <a:pt x="3996035" y="148330"/>
                    <a:pt x="3996035" y="331397"/>
                  </a:cubicBezTo>
                  <a:cubicBezTo>
                    <a:pt x="3996035" y="514464"/>
                    <a:pt x="3847705" y="662794"/>
                    <a:pt x="3664638" y="662794"/>
                  </a:cubicBezTo>
                  <a:lnTo>
                    <a:pt x="2935793" y="662794"/>
                  </a:lnTo>
                  <a:cubicBezTo>
                    <a:pt x="2752725" y="662794"/>
                    <a:pt x="2604395" y="811124"/>
                    <a:pt x="2604395" y="994191"/>
                  </a:cubicBezTo>
                  <a:cubicBezTo>
                    <a:pt x="2604395" y="1177259"/>
                    <a:pt x="2752725" y="1325589"/>
                    <a:pt x="2935793" y="1325589"/>
                  </a:cubicBezTo>
                  <a:lnTo>
                    <a:pt x="3098575" y="1325589"/>
                  </a:lnTo>
                  <a:cubicBezTo>
                    <a:pt x="3281642" y="1325589"/>
                    <a:pt x="3429972" y="1473919"/>
                    <a:pt x="3429972" y="1656986"/>
                  </a:cubicBezTo>
                  <a:cubicBezTo>
                    <a:pt x="3429972" y="1840053"/>
                    <a:pt x="3281642" y="1988383"/>
                    <a:pt x="3098575" y="1988383"/>
                  </a:cubicBezTo>
                  <a:lnTo>
                    <a:pt x="0" y="1988383"/>
                  </a:lnTo>
                </a:path>
              </a:pathLst>
            </a:custGeom>
            <a:noFill/>
            <a:ln w="12674" cap="rnd">
              <a:solidFill>
                <a:schemeClr val="tx1"/>
              </a:solidFill>
              <a:prstDash val="solid"/>
              <a:round/>
            </a:ln>
          </p:spPr>
          <p:txBody>
            <a:bodyPr rtlCol="0" anchor="ctr"/>
            <a:lstStyle/>
            <a:p>
              <a:endParaRPr lang="es-ES" sz="1092"/>
            </a:p>
          </p:txBody>
        </p:sp>
        <p:grpSp>
          <p:nvGrpSpPr>
            <p:cNvPr id="786" name="Graphic 778">
              <a:extLst>
                <a:ext uri="{FF2B5EF4-FFF2-40B4-BE49-F238E27FC236}">
                  <a16:creationId xmlns:a16="http://schemas.microsoft.com/office/drawing/2014/main" id="{42C28B2A-6A7F-220D-1356-249D8AE678B0}"/>
                </a:ext>
              </a:extLst>
            </p:cNvPr>
            <p:cNvGrpSpPr/>
            <p:nvPr/>
          </p:nvGrpSpPr>
          <p:grpSpPr>
            <a:xfrm>
              <a:off x="14332764" y="8255426"/>
              <a:ext cx="963384" cy="567584"/>
              <a:chOff x="14332764" y="8255426"/>
              <a:chExt cx="963384" cy="567584"/>
            </a:xfrm>
            <a:solidFill>
              <a:srgbClr val="FFFFFF"/>
            </a:solidFill>
          </p:grpSpPr>
          <p:sp>
            <p:nvSpPr>
              <p:cNvPr id="787" name="Freeform: Shape 786">
                <a:extLst>
                  <a:ext uri="{FF2B5EF4-FFF2-40B4-BE49-F238E27FC236}">
                    <a16:creationId xmlns:a16="http://schemas.microsoft.com/office/drawing/2014/main" id="{80BA4B7C-E389-E74A-1ABA-323EF88A190B}"/>
                  </a:ext>
                </a:extLst>
              </p:cNvPr>
              <p:cNvSpPr/>
              <p:nvPr/>
            </p:nvSpPr>
            <p:spPr>
              <a:xfrm>
                <a:off x="14881459" y="8255426"/>
                <a:ext cx="49316" cy="68460"/>
              </a:xfrm>
              <a:custGeom>
                <a:avLst/>
                <a:gdLst>
                  <a:gd name="connsiteX0" fmla="*/ 0 w 49316"/>
                  <a:gd name="connsiteY0" fmla="*/ 0 h 68460"/>
                  <a:gd name="connsiteX1" fmla="*/ 49317 w 49316"/>
                  <a:gd name="connsiteY1" fmla="*/ 0 h 68460"/>
                  <a:gd name="connsiteX2" fmla="*/ 49317 w 49316"/>
                  <a:gd name="connsiteY2" fmla="*/ 68460 h 68460"/>
                  <a:gd name="connsiteX3" fmla="*/ 0 w 49316"/>
                  <a:gd name="connsiteY3" fmla="*/ 68460 h 68460"/>
                </a:gdLst>
                <a:ahLst/>
                <a:cxnLst>
                  <a:cxn ang="0">
                    <a:pos x="connsiteX0" y="connsiteY0"/>
                  </a:cxn>
                  <a:cxn ang="0">
                    <a:pos x="connsiteX1" y="connsiteY1"/>
                  </a:cxn>
                  <a:cxn ang="0">
                    <a:pos x="connsiteX2" y="connsiteY2"/>
                  </a:cxn>
                  <a:cxn ang="0">
                    <a:pos x="connsiteX3" y="connsiteY3"/>
                  </a:cxn>
                </a:cxnLst>
                <a:rect l="l" t="t" r="r" b="b"/>
                <a:pathLst>
                  <a:path w="49316" h="68460">
                    <a:moveTo>
                      <a:pt x="0" y="0"/>
                    </a:moveTo>
                    <a:lnTo>
                      <a:pt x="49317" y="0"/>
                    </a:lnTo>
                    <a:lnTo>
                      <a:pt x="49317" y="68460"/>
                    </a:lnTo>
                    <a:lnTo>
                      <a:pt x="0" y="684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788" name="Freeform: Shape 787">
                <a:extLst>
                  <a:ext uri="{FF2B5EF4-FFF2-40B4-BE49-F238E27FC236}">
                    <a16:creationId xmlns:a16="http://schemas.microsoft.com/office/drawing/2014/main" id="{BD877C42-84F0-E8BA-085C-EB6D8C3C63FA}"/>
                  </a:ext>
                </a:extLst>
              </p:cNvPr>
              <p:cNvSpPr/>
              <p:nvPr/>
            </p:nvSpPr>
            <p:spPr>
              <a:xfrm>
                <a:off x="14930648" y="8255426"/>
                <a:ext cx="70108" cy="68460"/>
              </a:xfrm>
              <a:custGeom>
                <a:avLst/>
                <a:gdLst>
                  <a:gd name="connsiteX0" fmla="*/ 0 w 70108"/>
                  <a:gd name="connsiteY0" fmla="*/ 0 h 68460"/>
                  <a:gd name="connsiteX1" fmla="*/ 70109 w 70108"/>
                  <a:gd name="connsiteY1" fmla="*/ 0 h 68460"/>
                  <a:gd name="connsiteX2" fmla="*/ 70109 w 70108"/>
                  <a:gd name="connsiteY2" fmla="*/ 68460 h 68460"/>
                  <a:gd name="connsiteX3" fmla="*/ 0 w 70108"/>
                  <a:gd name="connsiteY3" fmla="*/ 68460 h 68460"/>
                </a:gdLst>
                <a:ahLst/>
                <a:cxnLst>
                  <a:cxn ang="0">
                    <a:pos x="connsiteX0" y="connsiteY0"/>
                  </a:cxn>
                  <a:cxn ang="0">
                    <a:pos x="connsiteX1" y="connsiteY1"/>
                  </a:cxn>
                  <a:cxn ang="0">
                    <a:pos x="connsiteX2" y="connsiteY2"/>
                  </a:cxn>
                  <a:cxn ang="0">
                    <a:pos x="connsiteX3" y="connsiteY3"/>
                  </a:cxn>
                </a:cxnLst>
                <a:rect l="l" t="t" r="r" b="b"/>
                <a:pathLst>
                  <a:path w="70108" h="68460">
                    <a:moveTo>
                      <a:pt x="0" y="0"/>
                    </a:moveTo>
                    <a:lnTo>
                      <a:pt x="70109" y="0"/>
                    </a:lnTo>
                    <a:lnTo>
                      <a:pt x="70109" y="68460"/>
                    </a:lnTo>
                    <a:lnTo>
                      <a:pt x="0" y="684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789" name="Freeform: Shape 788">
                <a:extLst>
                  <a:ext uri="{FF2B5EF4-FFF2-40B4-BE49-F238E27FC236}">
                    <a16:creationId xmlns:a16="http://schemas.microsoft.com/office/drawing/2014/main" id="{FEAD59B8-AD56-9659-D271-5220B154404F}"/>
                  </a:ext>
                </a:extLst>
              </p:cNvPr>
              <p:cNvSpPr/>
              <p:nvPr/>
            </p:nvSpPr>
            <p:spPr>
              <a:xfrm>
                <a:off x="14922535" y="8530788"/>
                <a:ext cx="347244" cy="292222"/>
              </a:xfrm>
              <a:custGeom>
                <a:avLst/>
                <a:gdLst>
                  <a:gd name="connsiteX0" fmla="*/ 0 w 347244"/>
                  <a:gd name="connsiteY0" fmla="*/ 0 h 292222"/>
                  <a:gd name="connsiteX1" fmla="*/ 347245 w 347244"/>
                  <a:gd name="connsiteY1" fmla="*/ 0 h 292222"/>
                  <a:gd name="connsiteX2" fmla="*/ 347245 w 347244"/>
                  <a:gd name="connsiteY2" fmla="*/ 292223 h 292222"/>
                  <a:gd name="connsiteX3" fmla="*/ 0 w 347244"/>
                  <a:gd name="connsiteY3" fmla="*/ 292223 h 292222"/>
                </a:gdLst>
                <a:ahLst/>
                <a:cxnLst>
                  <a:cxn ang="0">
                    <a:pos x="connsiteX0" y="connsiteY0"/>
                  </a:cxn>
                  <a:cxn ang="0">
                    <a:pos x="connsiteX1" y="connsiteY1"/>
                  </a:cxn>
                  <a:cxn ang="0">
                    <a:pos x="connsiteX2" y="connsiteY2"/>
                  </a:cxn>
                  <a:cxn ang="0">
                    <a:pos x="connsiteX3" y="connsiteY3"/>
                  </a:cxn>
                </a:cxnLst>
                <a:rect l="l" t="t" r="r" b="b"/>
                <a:pathLst>
                  <a:path w="347244" h="292222">
                    <a:moveTo>
                      <a:pt x="0" y="0"/>
                    </a:moveTo>
                    <a:lnTo>
                      <a:pt x="347245" y="0"/>
                    </a:lnTo>
                    <a:lnTo>
                      <a:pt x="347245" y="292223"/>
                    </a:lnTo>
                    <a:lnTo>
                      <a:pt x="0" y="29222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790" name="Freeform: Shape 789">
                <a:extLst>
                  <a:ext uri="{FF2B5EF4-FFF2-40B4-BE49-F238E27FC236}">
                    <a16:creationId xmlns:a16="http://schemas.microsoft.com/office/drawing/2014/main" id="{7B60F4B5-5573-05DF-D401-E55C4C8041E0}"/>
                  </a:ext>
                </a:extLst>
              </p:cNvPr>
              <p:cNvSpPr/>
              <p:nvPr/>
            </p:nvSpPr>
            <p:spPr>
              <a:xfrm>
                <a:off x="14922535" y="8323886"/>
                <a:ext cx="373613" cy="206901"/>
              </a:xfrm>
              <a:custGeom>
                <a:avLst/>
                <a:gdLst>
                  <a:gd name="connsiteX0" fmla="*/ 186743 w 373613"/>
                  <a:gd name="connsiteY0" fmla="*/ 0 h 206901"/>
                  <a:gd name="connsiteX1" fmla="*/ 373614 w 373613"/>
                  <a:gd name="connsiteY1" fmla="*/ 206901 h 206901"/>
                  <a:gd name="connsiteX2" fmla="*/ 0 w 373613"/>
                  <a:gd name="connsiteY2" fmla="*/ 206901 h 206901"/>
                  <a:gd name="connsiteX3" fmla="*/ 186743 w 373613"/>
                  <a:gd name="connsiteY3" fmla="*/ 0 h 206901"/>
                </a:gdLst>
                <a:ahLst/>
                <a:cxnLst>
                  <a:cxn ang="0">
                    <a:pos x="connsiteX0" y="connsiteY0"/>
                  </a:cxn>
                  <a:cxn ang="0">
                    <a:pos x="connsiteX1" y="connsiteY1"/>
                  </a:cxn>
                  <a:cxn ang="0">
                    <a:pos x="connsiteX2" y="connsiteY2"/>
                  </a:cxn>
                  <a:cxn ang="0">
                    <a:pos x="connsiteX3" y="connsiteY3"/>
                  </a:cxn>
                </a:cxnLst>
                <a:rect l="l" t="t" r="r" b="b"/>
                <a:pathLst>
                  <a:path w="373613" h="206901">
                    <a:moveTo>
                      <a:pt x="186743" y="0"/>
                    </a:moveTo>
                    <a:lnTo>
                      <a:pt x="373614" y="206901"/>
                    </a:lnTo>
                    <a:lnTo>
                      <a:pt x="0" y="206901"/>
                    </a:lnTo>
                    <a:lnTo>
                      <a:pt x="186743"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791" name="Freeform: Shape 790">
                <a:extLst>
                  <a:ext uri="{FF2B5EF4-FFF2-40B4-BE49-F238E27FC236}">
                    <a16:creationId xmlns:a16="http://schemas.microsoft.com/office/drawing/2014/main" id="{531591F3-A7B0-66F1-8172-655B9AD3E138}"/>
                  </a:ext>
                </a:extLst>
              </p:cNvPr>
              <p:cNvSpPr/>
              <p:nvPr/>
            </p:nvSpPr>
            <p:spPr>
              <a:xfrm>
                <a:off x="14367628" y="8530788"/>
                <a:ext cx="554779" cy="292222"/>
              </a:xfrm>
              <a:custGeom>
                <a:avLst/>
                <a:gdLst>
                  <a:gd name="connsiteX0" fmla="*/ 0 w 554779"/>
                  <a:gd name="connsiteY0" fmla="*/ 0 h 292222"/>
                  <a:gd name="connsiteX1" fmla="*/ 554779 w 554779"/>
                  <a:gd name="connsiteY1" fmla="*/ 0 h 292222"/>
                  <a:gd name="connsiteX2" fmla="*/ 554779 w 554779"/>
                  <a:gd name="connsiteY2" fmla="*/ 292223 h 292222"/>
                  <a:gd name="connsiteX3" fmla="*/ 0 w 554779"/>
                  <a:gd name="connsiteY3" fmla="*/ 292223 h 292222"/>
                </a:gdLst>
                <a:ahLst/>
                <a:cxnLst>
                  <a:cxn ang="0">
                    <a:pos x="connsiteX0" y="connsiteY0"/>
                  </a:cxn>
                  <a:cxn ang="0">
                    <a:pos x="connsiteX1" y="connsiteY1"/>
                  </a:cxn>
                  <a:cxn ang="0">
                    <a:pos x="connsiteX2" y="connsiteY2"/>
                  </a:cxn>
                  <a:cxn ang="0">
                    <a:pos x="connsiteX3" y="connsiteY3"/>
                  </a:cxn>
                </a:cxnLst>
                <a:rect l="l" t="t" r="r" b="b"/>
                <a:pathLst>
                  <a:path w="554779" h="292222">
                    <a:moveTo>
                      <a:pt x="0" y="0"/>
                    </a:moveTo>
                    <a:lnTo>
                      <a:pt x="554779" y="0"/>
                    </a:lnTo>
                    <a:lnTo>
                      <a:pt x="554779" y="292223"/>
                    </a:lnTo>
                    <a:lnTo>
                      <a:pt x="0" y="29222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792" name="Freeform: Shape 791">
                <a:extLst>
                  <a:ext uri="{FF2B5EF4-FFF2-40B4-BE49-F238E27FC236}">
                    <a16:creationId xmlns:a16="http://schemas.microsoft.com/office/drawing/2014/main" id="{8CC5013D-4D3F-4E9B-7836-C9929126E2DC}"/>
                  </a:ext>
                </a:extLst>
              </p:cNvPr>
              <p:cNvSpPr/>
              <p:nvPr/>
            </p:nvSpPr>
            <p:spPr>
              <a:xfrm>
                <a:off x="14332764" y="8323886"/>
                <a:ext cx="778542" cy="206901"/>
              </a:xfrm>
              <a:custGeom>
                <a:avLst/>
                <a:gdLst>
                  <a:gd name="connsiteX0" fmla="*/ 0 w 778542"/>
                  <a:gd name="connsiteY0" fmla="*/ 206901 h 206901"/>
                  <a:gd name="connsiteX1" fmla="*/ 186743 w 778542"/>
                  <a:gd name="connsiteY1" fmla="*/ 0 h 206901"/>
                  <a:gd name="connsiteX2" fmla="*/ 250132 w 778542"/>
                  <a:gd name="connsiteY2" fmla="*/ 0 h 206901"/>
                  <a:gd name="connsiteX3" fmla="*/ 752046 w 778542"/>
                  <a:gd name="connsiteY3" fmla="*/ 0 h 206901"/>
                  <a:gd name="connsiteX4" fmla="*/ 778543 w 778542"/>
                  <a:gd name="connsiteY4" fmla="*/ 0 h 206901"/>
                  <a:gd name="connsiteX5" fmla="*/ 589770 w 778542"/>
                  <a:gd name="connsiteY5" fmla="*/ 206901 h 206901"/>
                  <a:gd name="connsiteX6" fmla="*/ 0 w 778542"/>
                  <a:gd name="connsiteY6" fmla="*/ 206901 h 2069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78542" h="206901">
                    <a:moveTo>
                      <a:pt x="0" y="206901"/>
                    </a:moveTo>
                    <a:lnTo>
                      <a:pt x="186743" y="0"/>
                    </a:lnTo>
                    <a:lnTo>
                      <a:pt x="250132" y="0"/>
                    </a:lnTo>
                    <a:lnTo>
                      <a:pt x="752046" y="0"/>
                    </a:lnTo>
                    <a:lnTo>
                      <a:pt x="778543" y="0"/>
                    </a:lnTo>
                    <a:lnTo>
                      <a:pt x="589770" y="206901"/>
                    </a:lnTo>
                    <a:lnTo>
                      <a:pt x="0" y="206901"/>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793" name="Freeform: Shape 792">
                <a:extLst>
                  <a:ext uri="{FF2B5EF4-FFF2-40B4-BE49-F238E27FC236}">
                    <a16:creationId xmlns:a16="http://schemas.microsoft.com/office/drawing/2014/main" id="{40497A77-5F77-8FFC-473A-CE45694407CC}"/>
                  </a:ext>
                </a:extLst>
              </p:cNvPr>
              <p:cNvSpPr/>
              <p:nvPr/>
            </p:nvSpPr>
            <p:spPr>
              <a:xfrm>
                <a:off x="15068329" y="8571483"/>
                <a:ext cx="74925" cy="72263"/>
              </a:xfrm>
              <a:custGeom>
                <a:avLst/>
                <a:gdLst>
                  <a:gd name="connsiteX0" fmla="*/ 0 w 74925"/>
                  <a:gd name="connsiteY0" fmla="*/ 0 h 72263"/>
                  <a:gd name="connsiteX1" fmla="*/ 74925 w 74925"/>
                  <a:gd name="connsiteY1" fmla="*/ 0 h 72263"/>
                  <a:gd name="connsiteX2" fmla="*/ 74925 w 74925"/>
                  <a:gd name="connsiteY2" fmla="*/ 72263 h 72263"/>
                  <a:gd name="connsiteX3" fmla="*/ 0 w 74925"/>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925" h="72263">
                    <a:moveTo>
                      <a:pt x="0" y="0"/>
                    </a:moveTo>
                    <a:lnTo>
                      <a:pt x="74925" y="0"/>
                    </a:lnTo>
                    <a:lnTo>
                      <a:pt x="74925"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794" name="Freeform: Shape 793">
                <a:extLst>
                  <a:ext uri="{FF2B5EF4-FFF2-40B4-BE49-F238E27FC236}">
                    <a16:creationId xmlns:a16="http://schemas.microsoft.com/office/drawing/2014/main" id="{7F26B7E3-E7A7-D764-EDC5-7905B823BFDC}"/>
                  </a:ext>
                </a:extLst>
              </p:cNvPr>
              <p:cNvSpPr/>
              <p:nvPr/>
            </p:nvSpPr>
            <p:spPr>
              <a:xfrm>
                <a:off x="14674557" y="8649198"/>
                <a:ext cx="107000" cy="173812"/>
              </a:xfrm>
              <a:custGeom>
                <a:avLst/>
                <a:gdLst>
                  <a:gd name="connsiteX0" fmla="*/ 0 w 107000"/>
                  <a:gd name="connsiteY0" fmla="*/ 0 h 173812"/>
                  <a:gd name="connsiteX1" fmla="*/ 107001 w 107000"/>
                  <a:gd name="connsiteY1" fmla="*/ 0 h 173812"/>
                  <a:gd name="connsiteX2" fmla="*/ 107001 w 107000"/>
                  <a:gd name="connsiteY2" fmla="*/ 173812 h 173812"/>
                  <a:gd name="connsiteX3" fmla="*/ 0 w 107000"/>
                  <a:gd name="connsiteY3" fmla="*/ 173812 h 173812"/>
                </a:gdLst>
                <a:ahLst/>
                <a:cxnLst>
                  <a:cxn ang="0">
                    <a:pos x="connsiteX0" y="connsiteY0"/>
                  </a:cxn>
                  <a:cxn ang="0">
                    <a:pos x="connsiteX1" y="connsiteY1"/>
                  </a:cxn>
                  <a:cxn ang="0">
                    <a:pos x="connsiteX2" y="connsiteY2"/>
                  </a:cxn>
                  <a:cxn ang="0">
                    <a:pos x="connsiteX3" y="connsiteY3"/>
                  </a:cxn>
                </a:cxnLst>
                <a:rect l="l" t="t" r="r" b="b"/>
                <a:pathLst>
                  <a:path w="107000" h="173812">
                    <a:moveTo>
                      <a:pt x="0" y="0"/>
                    </a:moveTo>
                    <a:lnTo>
                      <a:pt x="107001" y="0"/>
                    </a:lnTo>
                    <a:lnTo>
                      <a:pt x="107001" y="173812"/>
                    </a:lnTo>
                    <a:lnTo>
                      <a:pt x="0" y="17381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795" name="Freeform: Shape 794">
                <a:extLst>
                  <a:ext uri="{FF2B5EF4-FFF2-40B4-BE49-F238E27FC236}">
                    <a16:creationId xmlns:a16="http://schemas.microsoft.com/office/drawing/2014/main" id="{86C05293-EC34-37D2-BE12-7D9705BF142D}"/>
                  </a:ext>
                </a:extLst>
              </p:cNvPr>
              <p:cNvSpPr/>
              <p:nvPr/>
            </p:nvSpPr>
            <p:spPr>
              <a:xfrm>
                <a:off x="14485151" y="8598741"/>
                <a:ext cx="74798" cy="72263"/>
              </a:xfrm>
              <a:custGeom>
                <a:avLst/>
                <a:gdLst>
                  <a:gd name="connsiteX0" fmla="*/ 0 w 74798"/>
                  <a:gd name="connsiteY0" fmla="*/ 0 h 72263"/>
                  <a:gd name="connsiteX1" fmla="*/ 74799 w 74798"/>
                  <a:gd name="connsiteY1" fmla="*/ 0 h 72263"/>
                  <a:gd name="connsiteX2" fmla="*/ 74799 w 74798"/>
                  <a:gd name="connsiteY2" fmla="*/ 72263 h 72263"/>
                  <a:gd name="connsiteX3" fmla="*/ 0 w 74798"/>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798" h="72263">
                    <a:moveTo>
                      <a:pt x="0" y="0"/>
                    </a:moveTo>
                    <a:lnTo>
                      <a:pt x="74799" y="0"/>
                    </a:lnTo>
                    <a:lnTo>
                      <a:pt x="74799"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796" name="Freeform: Shape 795">
                <a:extLst>
                  <a:ext uri="{FF2B5EF4-FFF2-40B4-BE49-F238E27FC236}">
                    <a16:creationId xmlns:a16="http://schemas.microsoft.com/office/drawing/2014/main" id="{CE16F475-F86B-94AD-4288-25F2B75AF352}"/>
                  </a:ext>
                </a:extLst>
              </p:cNvPr>
              <p:cNvSpPr/>
              <p:nvPr/>
            </p:nvSpPr>
            <p:spPr>
              <a:xfrm>
                <a:off x="14485151" y="8708150"/>
                <a:ext cx="74798" cy="72263"/>
              </a:xfrm>
              <a:custGeom>
                <a:avLst/>
                <a:gdLst>
                  <a:gd name="connsiteX0" fmla="*/ 0 w 74798"/>
                  <a:gd name="connsiteY0" fmla="*/ 0 h 72263"/>
                  <a:gd name="connsiteX1" fmla="*/ 74799 w 74798"/>
                  <a:gd name="connsiteY1" fmla="*/ 0 h 72263"/>
                  <a:gd name="connsiteX2" fmla="*/ 74799 w 74798"/>
                  <a:gd name="connsiteY2" fmla="*/ 72263 h 72263"/>
                  <a:gd name="connsiteX3" fmla="*/ 0 w 74798"/>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798" h="72263">
                    <a:moveTo>
                      <a:pt x="0" y="0"/>
                    </a:moveTo>
                    <a:lnTo>
                      <a:pt x="74799" y="0"/>
                    </a:lnTo>
                    <a:lnTo>
                      <a:pt x="74799"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797" name="Graphic 778">
              <a:extLst>
                <a:ext uri="{FF2B5EF4-FFF2-40B4-BE49-F238E27FC236}">
                  <a16:creationId xmlns:a16="http://schemas.microsoft.com/office/drawing/2014/main" id="{F58711A9-0E82-4B16-23F0-0DEA50163DBC}"/>
                </a:ext>
              </a:extLst>
            </p:cNvPr>
            <p:cNvGrpSpPr/>
            <p:nvPr/>
          </p:nvGrpSpPr>
          <p:grpSpPr>
            <a:xfrm>
              <a:off x="14859019" y="8708150"/>
              <a:ext cx="963256" cy="567457"/>
              <a:chOff x="14859019" y="8708150"/>
              <a:chExt cx="963256" cy="567457"/>
            </a:xfrm>
            <a:solidFill>
              <a:srgbClr val="FFFFFF"/>
            </a:solidFill>
          </p:grpSpPr>
          <p:sp>
            <p:nvSpPr>
              <p:cNvPr id="798" name="Freeform: Shape 797">
                <a:extLst>
                  <a:ext uri="{FF2B5EF4-FFF2-40B4-BE49-F238E27FC236}">
                    <a16:creationId xmlns:a16="http://schemas.microsoft.com/office/drawing/2014/main" id="{DA6FB6E6-A201-01E8-1CA3-C9B7CC441F50}"/>
                  </a:ext>
                </a:extLst>
              </p:cNvPr>
              <p:cNvSpPr/>
              <p:nvPr/>
            </p:nvSpPr>
            <p:spPr>
              <a:xfrm>
                <a:off x="15407586" y="8708150"/>
                <a:ext cx="49316" cy="68460"/>
              </a:xfrm>
              <a:custGeom>
                <a:avLst/>
                <a:gdLst>
                  <a:gd name="connsiteX0" fmla="*/ 0 w 49316"/>
                  <a:gd name="connsiteY0" fmla="*/ 0 h 68460"/>
                  <a:gd name="connsiteX1" fmla="*/ 49317 w 49316"/>
                  <a:gd name="connsiteY1" fmla="*/ 0 h 68460"/>
                  <a:gd name="connsiteX2" fmla="*/ 49317 w 49316"/>
                  <a:gd name="connsiteY2" fmla="*/ 68460 h 68460"/>
                  <a:gd name="connsiteX3" fmla="*/ 0 w 49316"/>
                  <a:gd name="connsiteY3" fmla="*/ 68460 h 68460"/>
                </a:gdLst>
                <a:ahLst/>
                <a:cxnLst>
                  <a:cxn ang="0">
                    <a:pos x="connsiteX0" y="connsiteY0"/>
                  </a:cxn>
                  <a:cxn ang="0">
                    <a:pos x="connsiteX1" y="connsiteY1"/>
                  </a:cxn>
                  <a:cxn ang="0">
                    <a:pos x="connsiteX2" y="connsiteY2"/>
                  </a:cxn>
                  <a:cxn ang="0">
                    <a:pos x="connsiteX3" y="connsiteY3"/>
                  </a:cxn>
                </a:cxnLst>
                <a:rect l="l" t="t" r="r" b="b"/>
                <a:pathLst>
                  <a:path w="49316" h="68460">
                    <a:moveTo>
                      <a:pt x="0" y="0"/>
                    </a:moveTo>
                    <a:lnTo>
                      <a:pt x="49317" y="0"/>
                    </a:lnTo>
                    <a:lnTo>
                      <a:pt x="49317" y="68460"/>
                    </a:lnTo>
                    <a:lnTo>
                      <a:pt x="0" y="684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799" name="Freeform: Shape 798">
                <a:extLst>
                  <a:ext uri="{FF2B5EF4-FFF2-40B4-BE49-F238E27FC236}">
                    <a16:creationId xmlns:a16="http://schemas.microsoft.com/office/drawing/2014/main" id="{FD81B84F-903A-A527-FA2D-02482C34453F}"/>
                  </a:ext>
                </a:extLst>
              </p:cNvPr>
              <p:cNvSpPr/>
              <p:nvPr/>
            </p:nvSpPr>
            <p:spPr>
              <a:xfrm>
                <a:off x="15456903" y="8708150"/>
                <a:ext cx="70108" cy="68460"/>
              </a:xfrm>
              <a:custGeom>
                <a:avLst/>
                <a:gdLst>
                  <a:gd name="connsiteX0" fmla="*/ 0 w 70108"/>
                  <a:gd name="connsiteY0" fmla="*/ 0 h 68460"/>
                  <a:gd name="connsiteX1" fmla="*/ 70108 w 70108"/>
                  <a:gd name="connsiteY1" fmla="*/ 0 h 68460"/>
                  <a:gd name="connsiteX2" fmla="*/ 70108 w 70108"/>
                  <a:gd name="connsiteY2" fmla="*/ 68460 h 68460"/>
                  <a:gd name="connsiteX3" fmla="*/ 0 w 70108"/>
                  <a:gd name="connsiteY3" fmla="*/ 68460 h 68460"/>
                </a:gdLst>
                <a:ahLst/>
                <a:cxnLst>
                  <a:cxn ang="0">
                    <a:pos x="connsiteX0" y="connsiteY0"/>
                  </a:cxn>
                  <a:cxn ang="0">
                    <a:pos x="connsiteX1" y="connsiteY1"/>
                  </a:cxn>
                  <a:cxn ang="0">
                    <a:pos x="connsiteX2" y="connsiteY2"/>
                  </a:cxn>
                  <a:cxn ang="0">
                    <a:pos x="connsiteX3" y="connsiteY3"/>
                  </a:cxn>
                </a:cxnLst>
                <a:rect l="l" t="t" r="r" b="b"/>
                <a:pathLst>
                  <a:path w="70108" h="68460">
                    <a:moveTo>
                      <a:pt x="0" y="0"/>
                    </a:moveTo>
                    <a:lnTo>
                      <a:pt x="70108" y="0"/>
                    </a:lnTo>
                    <a:lnTo>
                      <a:pt x="70108" y="68460"/>
                    </a:lnTo>
                    <a:lnTo>
                      <a:pt x="0" y="684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00" name="Freeform: Shape 799">
                <a:extLst>
                  <a:ext uri="{FF2B5EF4-FFF2-40B4-BE49-F238E27FC236}">
                    <a16:creationId xmlns:a16="http://schemas.microsoft.com/office/drawing/2014/main" id="{645C0E16-0097-E440-7A20-917F451C98E0}"/>
                  </a:ext>
                </a:extLst>
              </p:cNvPr>
              <p:cNvSpPr/>
              <p:nvPr/>
            </p:nvSpPr>
            <p:spPr>
              <a:xfrm>
                <a:off x="15448662" y="8983384"/>
                <a:ext cx="347244" cy="292222"/>
              </a:xfrm>
              <a:custGeom>
                <a:avLst/>
                <a:gdLst>
                  <a:gd name="connsiteX0" fmla="*/ 0 w 347244"/>
                  <a:gd name="connsiteY0" fmla="*/ 0 h 292222"/>
                  <a:gd name="connsiteX1" fmla="*/ 347245 w 347244"/>
                  <a:gd name="connsiteY1" fmla="*/ 0 h 292222"/>
                  <a:gd name="connsiteX2" fmla="*/ 347245 w 347244"/>
                  <a:gd name="connsiteY2" fmla="*/ 292223 h 292222"/>
                  <a:gd name="connsiteX3" fmla="*/ 0 w 347244"/>
                  <a:gd name="connsiteY3" fmla="*/ 292223 h 292222"/>
                </a:gdLst>
                <a:ahLst/>
                <a:cxnLst>
                  <a:cxn ang="0">
                    <a:pos x="connsiteX0" y="connsiteY0"/>
                  </a:cxn>
                  <a:cxn ang="0">
                    <a:pos x="connsiteX1" y="connsiteY1"/>
                  </a:cxn>
                  <a:cxn ang="0">
                    <a:pos x="connsiteX2" y="connsiteY2"/>
                  </a:cxn>
                  <a:cxn ang="0">
                    <a:pos x="connsiteX3" y="connsiteY3"/>
                  </a:cxn>
                </a:cxnLst>
                <a:rect l="l" t="t" r="r" b="b"/>
                <a:pathLst>
                  <a:path w="347244" h="292222">
                    <a:moveTo>
                      <a:pt x="0" y="0"/>
                    </a:moveTo>
                    <a:lnTo>
                      <a:pt x="347245" y="0"/>
                    </a:lnTo>
                    <a:lnTo>
                      <a:pt x="347245" y="292223"/>
                    </a:lnTo>
                    <a:lnTo>
                      <a:pt x="0" y="29222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01" name="Freeform: Shape 800">
                <a:extLst>
                  <a:ext uri="{FF2B5EF4-FFF2-40B4-BE49-F238E27FC236}">
                    <a16:creationId xmlns:a16="http://schemas.microsoft.com/office/drawing/2014/main" id="{905BAC4D-7E13-3654-F343-FA35D9561F33}"/>
                  </a:ext>
                </a:extLst>
              </p:cNvPr>
              <p:cNvSpPr/>
              <p:nvPr/>
            </p:nvSpPr>
            <p:spPr>
              <a:xfrm>
                <a:off x="15448662" y="8776483"/>
                <a:ext cx="373613" cy="206901"/>
              </a:xfrm>
              <a:custGeom>
                <a:avLst/>
                <a:gdLst>
                  <a:gd name="connsiteX0" fmla="*/ 186743 w 373613"/>
                  <a:gd name="connsiteY0" fmla="*/ 0 h 206901"/>
                  <a:gd name="connsiteX1" fmla="*/ 373614 w 373613"/>
                  <a:gd name="connsiteY1" fmla="*/ 206901 h 206901"/>
                  <a:gd name="connsiteX2" fmla="*/ 0 w 373613"/>
                  <a:gd name="connsiteY2" fmla="*/ 206901 h 206901"/>
                  <a:gd name="connsiteX3" fmla="*/ 186743 w 373613"/>
                  <a:gd name="connsiteY3" fmla="*/ 0 h 206901"/>
                </a:gdLst>
                <a:ahLst/>
                <a:cxnLst>
                  <a:cxn ang="0">
                    <a:pos x="connsiteX0" y="connsiteY0"/>
                  </a:cxn>
                  <a:cxn ang="0">
                    <a:pos x="connsiteX1" y="connsiteY1"/>
                  </a:cxn>
                  <a:cxn ang="0">
                    <a:pos x="connsiteX2" y="connsiteY2"/>
                  </a:cxn>
                  <a:cxn ang="0">
                    <a:pos x="connsiteX3" y="connsiteY3"/>
                  </a:cxn>
                </a:cxnLst>
                <a:rect l="l" t="t" r="r" b="b"/>
                <a:pathLst>
                  <a:path w="373613" h="206901">
                    <a:moveTo>
                      <a:pt x="186743" y="0"/>
                    </a:moveTo>
                    <a:lnTo>
                      <a:pt x="373614" y="206901"/>
                    </a:lnTo>
                    <a:lnTo>
                      <a:pt x="0" y="206901"/>
                    </a:lnTo>
                    <a:lnTo>
                      <a:pt x="186743"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02" name="Freeform: Shape 801">
                <a:extLst>
                  <a:ext uri="{FF2B5EF4-FFF2-40B4-BE49-F238E27FC236}">
                    <a16:creationId xmlns:a16="http://schemas.microsoft.com/office/drawing/2014/main" id="{7C62C7C2-26E8-6DD6-C976-52753AC8806E}"/>
                  </a:ext>
                </a:extLst>
              </p:cNvPr>
              <p:cNvSpPr/>
              <p:nvPr/>
            </p:nvSpPr>
            <p:spPr>
              <a:xfrm>
                <a:off x="14893883" y="8983384"/>
                <a:ext cx="554779" cy="292222"/>
              </a:xfrm>
              <a:custGeom>
                <a:avLst/>
                <a:gdLst>
                  <a:gd name="connsiteX0" fmla="*/ 0 w 554779"/>
                  <a:gd name="connsiteY0" fmla="*/ 0 h 292222"/>
                  <a:gd name="connsiteX1" fmla="*/ 554780 w 554779"/>
                  <a:gd name="connsiteY1" fmla="*/ 0 h 292222"/>
                  <a:gd name="connsiteX2" fmla="*/ 554780 w 554779"/>
                  <a:gd name="connsiteY2" fmla="*/ 292223 h 292222"/>
                  <a:gd name="connsiteX3" fmla="*/ 0 w 554779"/>
                  <a:gd name="connsiteY3" fmla="*/ 292223 h 292222"/>
                </a:gdLst>
                <a:ahLst/>
                <a:cxnLst>
                  <a:cxn ang="0">
                    <a:pos x="connsiteX0" y="connsiteY0"/>
                  </a:cxn>
                  <a:cxn ang="0">
                    <a:pos x="connsiteX1" y="connsiteY1"/>
                  </a:cxn>
                  <a:cxn ang="0">
                    <a:pos x="connsiteX2" y="connsiteY2"/>
                  </a:cxn>
                  <a:cxn ang="0">
                    <a:pos x="connsiteX3" y="connsiteY3"/>
                  </a:cxn>
                </a:cxnLst>
                <a:rect l="l" t="t" r="r" b="b"/>
                <a:pathLst>
                  <a:path w="554779" h="292222">
                    <a:moveTo>
                      <a:pt x="0" y="0"/>
                    </a:moveTo>
                    <a:lnTo>
                      <a:pt x="554780" y="0"/>
                    </a:lnTo>
                    <a:lnTo>
                      <a:pt x="554780" y="292223"/>
                    </a:lnTo>
                    <a:lnTo>
                      <a:pt x="0" y="29222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03" name="Freeform: Shape 802">
                <a:extLst>
                  <a:ext uri="{FF2B5EF4-FFF2-40B4-BE49-F238E27FC236}">
                    <a16:creationId xmlns:a16="http://schemas.microsoft.com/office/drawing/2014/main" id="{DDF2F988-066A-1DBB-89E6-06D47B0A07B6}"/>
                  </a:ext>
                </a:extLst>
              </p:cNvPr>
              <p:cNvSpPr/>
              <p:nvPr/>
            </p:nvSpPr>
            <p:spPr>
              <a:xfrm>
                <a:off x="14859019" y="8776483"/>
                <a:ext cx="778415" cy="206901"/>
              </a:xfrm>
              <a:custGeom>
                <a:avLst/>
                <a:gdLst>
                  <a:gd name="connsiteX0" fmla="*/ 0 w 778415"/>
                  <a:gd name="connsiteY0" fmla="*/ 206901 h 206901"/>
                  <a:gd name="connsiteX1" fmla="*/ 186743 w 778415"/>
                  <a:gd name="connsiteY1" fmla="*/ 0 h 206901"/>
                  <a:gd name="connsiteX2" fmla="*/ 250132 w 778415"/>
                  <a:gd name="connsiteY2" fmla="*/ 0 h 206901"/>
                  <a:gd name="connsiteX3" fmla="*/ 752046 w 778415"/>
                  <a:gd name="connsiteY3" fmla="*/ 0 h 206901"/>
                  <a:gd name="connsiteX4" fmla="*/ 778416 w 778415"/>
                  <a:gd name="connsiteY4" fmla="*/ 0 h 206901"/>
                  <a:gd name="connsiteX5" fmla="*/ 589643 w 778415"/>
                  <a:gd name="connsiteY5" fmla="*/ 206901 h 206901"/>
                  <a:gd name="connsiteX6" fmla="*/ 0 w 778415"/>
                  <a:gd name="connsiteY6" fmla="*/ 206901 h 2069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78415" h="206901">
                    <a:moveTo>
                      <a:pt x="0" y="206901"/>
                    </a:moveTo>
                    <a:lnTo>
                      <a:pt x="186743" y="0"/>
                    </a:lnTo>
                    <a:lnTo>
                      <a:pt x="250132" y="0"/>
                    </a:lnTo>
                    <a:lnTo>
                      <a:pt x="752046" y="0"/>
                    </a:lnTo>
                    <a:lnTo>
                      <a:pt x="778416" y="0"/>
                    </a:lnTo>
                    <a:lnTo>
                      <a:pt x="589643" y="206901"/>
                    </a:lnTo>
                    <a:lnTo>
                      <a:pt x="0" y="206901"/>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04" name="Freeform: Shape 803">
                <a:extLst>
                  <a:ext uri="{FF2B5EF4-FFF2-40B4-BE49-F238E27FC236}">
                    <a16:creationId xmlns:a16="http://schemas.microsoft.com/office/drawing/2014/main" id="{F1DD6EB6-81CF-5AF8-5B97-A9EB7630FCF9}"/>
                  </a:ext>
                </a:extLst>
              </p:cNvPr>
              <p:cNvSpPr/>
              <p:nvPr/>
            </p:nvSpPr>
            <p:spPr>
              <a:xfrm>
                <a:off x="15594457" y="9024080"/>
                <a:ext cx="74925" cy="72263"/>
              </a:xfrm>
              <a:custGeom>
                <a:avLst/>
                <a:gdLst>
                  <a:gd name="connsiteX0" fmla="*/ 0 w 74925"/>
                  <a:gd name="connsiteY0" fmla="*/ 0 h 72263"/>
                  <a:gd name="connsiteX1" fmla="*/ 74925 w 74925"/>
                  <a:gd name="connsiteY1" fmla="*/ 0 h 72263"/>
                  <a:gd name="connsiteX2" fmla="*/ 74925 w 74925"/>
                  <a:gd name="connsiteY2" fmla="*/ 72263 h 72263"/>
                  <a:gd name="connsiteX3" fmla="*/ 0 w 74925"/>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925" h="72263">
                    <a:moveTo>
                      <a:pt x="0" y="0"/>
                    </a:moveTo>
                    <a:lnTo>
                      <a:pt x="74925" y="0"/>
                    </a:lnTo>
                    <a:lnTo>
                      <a:pt x="74925"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05" name="Freeform: Shape 804">
                <a:extLst>
                  <a:ext uri="{FF2B5EF4-FFF2-40B4-BE49-F238E27FC236}">
                    <a16:creationId xmlns:a16="http://schemas.microsoft.com/office/drawing/2014/main" id="{CC09BD4A-9882-A138-3139-03E700E8140D}"/>
                  </a:ext>
                </a:extLst>
              </p:cNvPr>
              <p:cNvSpPr/>
              <p:nvPr/>
            </p:nvSpPr>
            <p:spPr>
              <a:xfrm>
                <a:off x="15200685" y="9101795"/>
                <a:ext cx="107000" cy="173812"/>
              </a:xfrm>
              <a:custGeom>
                <a:avLst/>
                <a:gdLst>
                  <a:gd name="connsiteX0" fmla="*/ 0 w 107000"/>
                  <a:gd name="connsiteY0" fmla="*/ 0 h 173812"/>
                  <a:gd name="connsiteX1" fmla="*/ 107001 w 107000"/>
                  <a:gd name="connsiteY1" fmla="*/ 0 h 173812"/>
                  <a:gd name="connsiteX2" fmla="*/ 107001 w 107000"/>
                  <a:gd name="connsiteY2" fmla="*/ 173813 h 173812"/>
                  <a:gd name="connsiteX3" fmla="*/ 0 w 107000"/>
                  <a:gd name="connsiteY3" fmla="*/ 173813 h 173812"/>
                </a:gdLst>
                <a:ahLst/>
                <a:cxnLst>
                  <a:cxn ang="0">
                    <a:pos x="connsiteX0" y="connsiteY0"/>
                  </a:cxn>
                  <a:cxn ang="0">
                    <a:pos x="connsiteX1" y="connsiteY1"/>
                  </a:cxn>
                  <a:cxn ang="0">
                    <a:pos x="connsiteX2" y="connsiteY2"/>
                  </a:cxn>
                  <a:cxn ang="0">
                    <a:pos x="connsiteX3" y="connsiteY3"/>
                  </a:cxn>
                </a:cxnLst>
                <a:rect l="l" t="t" r="r" b="b"/>
                <a:pathLst>
                  <a:path w="107000" h="173812">
                    <a:moveTo>
                      <a:pt x="0" y="0"/>
                    </a:moveTo>
                    <a:lnTo>
                      <a:pt x="107001" y="0"/>
                    </a:lnTo>
                    <a:lnTo>
                      <a:pt x="107001" y="173813"/>
                    </a:lnTo>
                    <a:lnTo>
                      <a:pt x="0" y="17381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06" name="Freeform: Shape 805">
                <a:extLst>
                  <a:ext uri="{FF2B5EF4-FFF2-40B4-BE49-F238E27FC236}">
                    <a16:creationId xmlns:a16="http://schemas.microsoft.com/office/drawing/2014/main" id="{BC68FC25-37FF-09EF-8098-E5B2713377CF}"/>
                  </a:ext>
                </a:extLst>
              </p:cNvPr>
              <p:cNvSpPr/>
              <p:nvPr/>
            </p:nvSpPr>
            <p:spPr>
              <a:xfrm>
                <a:off x="15011406" y="9051464"/>
                <a:ext cx="74798" cy="72263"/>
              </a:xfrm>
              <a:custGeom>
                <a:avLst/>
                <a:gdLst>
                  <a:gd name="connsiteX0" fmla="*/ 0 w 74798"/>
                  <a:gd name="connsiteY0" fmla="*/ 0 h 72263"/>
                  <a:gd name="connsiteX1" fmla="*/ 74799 w 74798"/>
                  <a:gd name="connsiteY1" fmla="*/ 0 h 72263"/>
                  <a:gd name="connsiteX2" fmla="*/ 74799 w 74798"/>
                  <a:gd name="connsiteY2" fmla="*/ 72263 h 72263"/>
                  <a:gd name="connsiteX3" fmla="*/ 0 w 74798"/>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798" h="72263">
                    <a:moveTo>
                      <a:pt x="0" y="0"/>
                    </a:moveTo>
                    <a:lnTo>
                      <a:pt x="74799" y="0"/>
                    </a:lnTo>
                    <a:lnTo>
                      <a:pt x="74799"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07" name="Freeform: Shape 806">
                <a:extLst>
                  <a:ext uri="{FF2B5EF4-FFF2-40B4-BE49-F238E27FC236}">
                    <a16:creationId xmlns:a16="http://schemas.microsoft.com/office/drawing/2014/main" id="{D969900C-77B2-B4AB-A5EA-6DA44637B804}"/>
                  </a:ext>
                </a:extLst>
              </p:cNvPr>
              <p:cNvSpPr/>
              <p:nvPr/>
            </p:nvSpPr>
            <p:spPr>
              <a:xfrm>
                <a:off x="15011406" y="9160747"/>
                <a:ext cx="74798" cy="72263"/>
              </a:xfrm>
              <a:custGeom>
                <a:avLst/>
                <a:gdLst>
                  <a:gd name="connsiteX0" fmla="*/ 0 w 74798"/>
                  <a:gd name="connsiteY0" fmla="*/ 0 h 72263"/>
                  <a:gd name="connsiteX1" fmla="*/ 74799 w 74798"/>
                  <a:gd name="connsiteY1" fmla="*/ 0 h 72263"/>
                  <a:gd name="connsiteX2" fmla="*/ 74799 w 74798"/>
                  <a:gd name="connsiteY2" fmla="*/ 72264 h 72263"/>
                  <a:gd name="connsiteX3" fmla="*/ 0 w 74798"/>
                  <a:gd name="connsiteY3" fmla="*/ 72264 h 72263"/>
                </a:gdLst>
                <a:ahLst/>
                <a:cxnLst>
                  <a:cxn ang="0">
                    <a:pos x="connsiteX0" y="connsiteY0"/>
                  </a:cxn>
                  <a:cxn ang="0">
                    <a:pos x="connsiteX1" y="connsiteY1"/>
                  </a:cxn>
                  <a:cxn ang="0">
                    <a:pos x="connsiteX2" y="connsiteY2"/>
                  </a:cxn>
                  <a:cxn ang="0">
                    <a:pos x="connsiteX3" y="connsiteY3"/>
                  </a:cxn>
                </a:cxnLst>
                <a:rect l="l" t="t" r="r" b="b"/>
                <a:pathLst>
                  <a:path w="74798" h="72263">
                    <a:moveTo>
                      <a:pt x="0" y="0"/>
                    </a:moveTo>
                    <a:lnTo>
                      <a:pt x="74799" y="0"/>
                    </a:lnTo>
                    <a:lnTo>
                      <a:pt x="74799" y="72264"/>
                    </a:lnTo>
                    <a:lnTo>
                      <a:pt x="0" y="72264"/>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808" name="Graphic 778">
              <a:extLst>
                <a:ext uri="{FF2B5EF4-FFF2-40B4-BE49-F238E27FC236}">
                  <a16:creationId xmlns:a16="http://schemas.microsoft.com/office/drawing/2014/main" id="{7D6C031B-BC8F-6B94-50BC-7330CC116C44}"/>
                </a:ext>
              </a:extLst>
            </p:cNvPr>
            <p:cNvGrpSpPr/>
            <p:nvPr/>
          </p:nvGrpSpPr>
          <p:grpSpPr>
            <a:xfrm>
              <a:off x="17358062" y="6693144"/>
              <a:ext cx="1489511" cy="1020180"/>
              <a:chOff x="17358062" y="6693144"/>
              <a:chExt cx="1489511" cy="1020180"/>
            </a:xfrm>
            <a:solidFill>
              <a:srgbClr val="FFFFFF"/>
            </a:solidFill>
          </p:grpSpPr>
          <p:grpSp>
            <p:nvGrpSpPr>
              <p:cNvPr id="809" name="Graphic 778">
                <a:extLst>
                  <a:ext uri="{FF2B5EF4-FFF2-40B4-BE49-F238E27FC236}">
                    <a16:creationId xmlns:a16="http://schemas.microsoft.com/office/drawing/2014/main" id="{E21484E0-B96E-0162-5824-AB06F4015DEE}"/>
                  </a:ext>
                </a:extLst>
              </p:cNvPr>
              <p:cNvGrpSpPr/>
              <p:nvPr/>
            </p:nvGrpSpPr>
            <p:grpSpPr>
              <a:xfrm>
                <a:off x="17358062" y="6693144"/>
                <a:ext cx="963256" cy="567584"/>
                <a:chOff x="17358062" y="6693144"/>
                <a:chExt cx="963256" cy="567584"/>
              </a:xfrm>
              <a:solidFill>
                <a:srgbClr val="FFFFFF"/>
              </a:solidFill>
            </p:grpSpPr>
            <p:sp>
              <p:nvSpPr>
                <p:cNvPr id="810" name="Freeform: Shape 809">
                  <a:extLst>
                    <a:ext uri="{FF2B5EF4-FFF2-40B4-BE49-F238E27FC236}">
                      <a16:creationId xmlns:a16="http://schemas.microsoft.com/office/drawing/2014/main" id="{288C5780-05DC-77B9-2B9F-B8D934C83E12}"/>
                    </a:ext>
                  </a:extLst>
                </p:cNvPr>
                <p:cNvSpPr/>
                <p:nvPr/>
              </p:nvSpPr>
              <p:spPr>
                <a:xfrm>
                  <a:off x="17906629" y="6693144"/>
                  <a:ext cx="49316" cy="68460"/>
                </a:xfrm>
                <a:custGeom>
                  <a:avLst/>
                  <a:gdLst>
                    <a:gd name="connsiteX0" fmla="*/ 0 w 49316"/>
                    <a:gd name="connsiteY0" fmla="*/ 0 h 68460"/>
                    <a:gd name="connsiteX1" fmla="*/ 49317 w 49316"/>
                    <a:gd name="connsiteY1" fmla="*/ 0 h 68460"/>
                    <a:gd name="connsiteX2" fmla="*/ 49317 w 49316"/>
                    <a:gd name="connsiteY2" fmla="*/ 68460 h 68460"/>
                    <a:gd name="connsiteX3" fmla="*/ 0 w 49316"/>
                    <a:gd name="connsiteY3" fmla="*/ 68460 h 68460"/>
                  </a:gdLst>
                  <a:ahLst/>
                  <a:cxnLst>
                    <a:cxn ang="0">
                      <a:pos x="connsiteX0" y="connsiteY0"/>
                    </a:cxn>
                    <a:cxn ang="0">
                      <a:pos x="connsiteX1" y="connsiteY1"/>
                    </a:cxn>
                    <a:cxn ang="0">
                      <a:pos x="connsiteX2" y="connsiteY2"/>
                    </a:cxn>
                    <a:cxn ang="0">
                      <a:pos x="connsiteX3" y="connsiteY3"/>
                    </a:cxn>
                  </a:cxnLst>
                  <a:rect l="l" t="t" r="r" b="b"/>
                  <a:pathLst>
                    <a:path w="49316" h="68460">
                      <a:moveTo>
                        <a:pt x="0" y="0"/>
                      </a:moveTo>
                      <a:lnTo>
                        <a:pt x="49317" y="0"/>
                      </a:lnTo>
                      <a:lnTo>
                        <a:pt x="49317" y="68460"/>
                      </a:lnTo>
                      <a:lnTo>
                        <a:pt x="0" y="684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11" name="Freeform: Shape 810">
                  <a:extLst>
                    <a:ext uri="{FF2B5EF4-FFF2-40B4-BE49-F238E27FC236}">
                      <a16:creationId xmlns:a16="http://schemas.microsoft.com/office/drawing/2014/main" id="{2D9FA37F-4842-9360-85A1-7D3417AA011E}"/>
                    </a:ext>
                  </a:extLst>
                </p:cNvPr>
                <p:cNvSpPr/>
                <p:nvPr/>
              </p:nvSpPr>
              <p:spPr>
                <a:xfrm>
                  <a:off x="17955946" y="6693144"/>
                  <a:ext cx="70108" cy="68460"/>
                </a:xfrm>
                <a:custGeom>
                  <a:avLst/>
                  <a:gdLst>
                    <a:gd name="connsiteX0" fmla="*/ 0 w 70108"/>
                    <a:gd name="connsiteY0" fmla="*/ 0 h 68460"/>
                    <a:gd name="connsiteX1" fmla="*/ 70109 w 70108"/>
                    <a:gd name="connsiteY1" fmla="*/ 0 h 68460"/>
                    <a:gd name="connsiteX2" fmla="*/ 70109 w 70108"/>
                    <a:gd name="connsiteY2" fmla="*/ 68460 h 68460"/>
                    <a:gd name="connsiteX3" fmla="*/ 0 w 70108"/>
                    <a:gd name="connsiteY3" fmla="*/ 68460 h 68460"/>
                  </a:gdLst>
                  <a:ahLst/>
                  <a:cxnLst>
                    <a:cxn ang="0">
                      <a:pos x="connsiteX0" y="connsiteY0"/>
                    </a:cxn>
                    <a:cxn ang="0">
                      <a:pos x="connsiteX1" y="connsiteY1"/>
                    </a:cxn>
                    <a:cxn ang="0">
                      <a:pos x="connsiteX2" y="connsiteY2"/>
                    </a:cxn>
                    <a:cxn ang="0">
                      <a:pos x="connsiteX3" y="connsiteY3"/>
                    </a:cxn>
                  </a:cxnLst>
                  <a:rect l="l" t="t" r="r" b="b"/>
                  <a:pathLst>
                    <a:path w="70108" h="68460">
                      <a:moveTo>
                        <a:pt x="0" y="0"/>
                      </a:moveTo>
                      <a:lnTo>
                        <a:pt x="70109" y="0"/>
                      </a:lnTo>
                      <a:lnTo>
                        <a:pt x="70109" y="68460"/>
                      </a:lnTo>
                      <a:lnTo>
                        <a:pt x="0" y="684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12" name="Freeform: Shape 811">
                  <a:extLst>
                    <a:ext uri="{FF2B5EF4-FFF2-40B4-BE49-F238E27FC236}">
                      <a16:creationId xmlns:a16="http://schemas.microsoft.com/office/drawing/2014/main" id="{65FD8653-1BE3-A5A6-648C-FE0D7AD9C326}"/>
                    </a:ext>
                  </a:extLst>
                </p:cNvPr>
                <p:cNvSpPr/>
                <p:nvPr/>
              </p:nvSpPr>
              <p:spPr>
                <a:xfrm>
                  <a:off x="17947705" y="6968505"/>
                  <a:ext cx="347244" cy="292221"/>
                </a:xfrm>
                <a:custGeom>
                  <a:avLst/>
                  <a:gdLst>
                    <a:gd name="connsiteX0" fmla="*/ 0 w 347244"/>
                    <a:gd name="connsiteY0" fmla="*/ 0 h 292222"/>
                    <a:gd name="connsiteX1" fmla="*/ 347245 w 347244"/>
                    <a:gd name="connsiteY1" fmla="*/ 0 h 292222"/>
                    <a:gd name="connsiteX2" fmla="*/ 347245 w 347244"/>
                    <a:gd name="connsiteY2" fmla="*/ 292223 h 292222"/>
                    <a:gd name="connsiteX3" fmla="*/ 0 w 347244"/>
                    <a:gd name="connsiteY3" fmla="*/ 292223 h 292222"/>
                  </a:gdLst>
                  <a:ahLst/>
                  <a:cxnLst>
                    <a:cxn ang="0">
                      <a:pos x="connsiteX0" y="connsiteY0"/>
                    </a:cxn>
                    <a:cxn ang="0">
                      <a:pos x="connsiteX1" y="connsiteY1"/>
                    </a:cxn>
                    <a:cxn ang="0">
                      <a:pos x="connsiteX2" y="connsiteY2"/>
                    </a:cxn>
                    <a:cxn ang="0">
                      <a:pos x="connsiteX3" y="connsiteY3"/>
                    </a:cxn>
                  </a:cxnLst>
                  <a:rect l="l" t="t" r="r" b="b"/>
                  <a:pathLst>
                    <a:path w="347244" h="292222">
                      <a:moveTo>
                        <a:pt x="0" y="0"/>
                      </a:moveTo>
                      <a:lnTo>
                        <a:pt x="347245" y="0"/>
                      </a:lnTo>
                      <a:lnTo>
                        <a:pt x="347245" y="292223"/>
                      </a:lnTo>
                      <a:lnTo>
                        <a:pt x="0" y="29222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13" name="Freeform: Shape 812">
                  <a:extLst>
                    <a:ext uri="{FF2B5EF4-FFF2-40B4-BE49-F238E27FC236}">
                      <a16:creationId xmlns:a16="http://schemas.microsoft.com/office/drawing/2014/main" id="{1E21ACEA-5832-3801-97C4-671CDE2AEAC4}"/>
                    </a:ext>
                  </a:extLst>
                </p:cNvPr>
                <p:cNvSpPr/>
                <p:nvPr/>
              </p:nvSpPr>
              <p:spPr>
                <a:xfrm>
                  <a:off x="17947705" y="6761604"/>
                  <a:ext cx="373613" cy="206901"/>
                </a:xfrm>
                <a:custGeom>
                  <a:avLst/>
                  <a:gdLst>
                    <a:gd name="connsiteX0" fmla="*/ 186743 w 373613"/>
                    <a:gd name="connsiteY0" fmla="*/ 0 h 206901"/>
                    <a:gd name="connsiteX1" fmla="*/ 373614 w 373613"/>
                    <a:gd name="connsiteY1" fmla="*/ 206901 h 206901"/>
                    <a:gd name="connsiteX2" fmla="*/ 0 w 373613"/>
                    <a:gd name="connsiteY2" fmla="*/ 206901 h 206901"/>
                    <a:gd name="connsiteX3" fmla="*/ 186743 w 373613"/>
                    <a:gd name="connsiteY3" fmla="*/ 0 h 206901"/>
                  </a:gdLst>
                  <a:ahLst/>
                  <a:cxnLst>
                    <a:cxn ang="0">
                      <a:pos x="connsiteX0" y="connsiteY0"/>
                    </a:cxn>
                    <a:cxn ang="0">
                      <a:pos x="connsiteX1" y="connsiteY1"/>
                    </a:cxn>
                    <a:cxn ang="0">
                      <a:pos x="connsiteX2" y="connsiteY2"/>
                    </a:cxn>
                    <a:cxn ang="0">
                      <a:pos x="connsiteX3" y="connsiteY3"/>
                    </a:cxn>
                  </a:cxnLst>
                  <a:rect l="l" t="t" r="r" b="b"/>
                  <a:pathLst>
                    <a:path w="373613" h="206901">
                      <a:moveTo>
                        <a:pt x="186743" y="0"/>
                      </a:moveTo>
                      <a:lnTo>
                        <a:pt x="373614" y="206901"/>
                      </a:lnTo>
                      <a:lnTo>
                        <a:pt x="0" y="206901"/>
                      </a:lnTo>
                      <a:lnTo>
                        <a:pt x="186743"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14" name="Freeform: Shape 813">
                  <a:extLst>
                    <a:ext uri="{FF2B5EF4-FFF2-40B4-BE49-F238E27FC236}">
                      <a16:creationId xmlns:a16="http://schemas.microsoft.com/office/drawing/2014/main" id="{723D44F1-434B-71B0-345A-0BA249940BA4}"/>
                    </a:ext>
                  </a:extLst>
                </p:cNvPr>
                <p:cNvSpPr/>
                <p:nvPr/>
              </p:nvSpPr>
              <p:spPr>
                <a:xfrm>
                  <a:off x="17392926" y="6968505"/>
                  <a:ext cx="554779" cy="292222"/>
                </a:xfrm>
                <a:custGeom>
                  <a:avLst/>
                  <a:gdLst>
                    <a:gd name="connsiteX0" fmla="*/ 0 w 554779"/>
                    <a:gd name="connsiteY0" fmla="*/ 0 h 292222"/>
                    <a:gd name="connsiteX1" fmla="*/ 554780 w 554779"/>
                    <a:gd name="connsiteY1" fmla="*/ 0 h 292222"/>
                    <a:gd name="connsiteX2" fmla="*/ 554780 w 554779"/>
                    <a:gd name="connsiteY2" fmla="*/ 292223 h 292222"/>
                    <a:gd name="connsiteX3" fmla="*/ 0 w 554779"/>
                    <a:gd name="connsiteY3" fmla="*/ 292223 h 292222"/>
                  </a:gdLst>
                  <a:ahLst/>
                  <a:cxnLst>
                    <a:cxn ang="0">
                      <a:pos x="connsiteX0" y="connsiteY0"/>
                    </a:cxn>
                    <a:cxn ang="0">
                      <a:pos x="connsiteX1" y="connsiteY1"/>
                    </a:cxn>
                    <a:cxn ang="0">
                      <a:pos x="connsiteX2" y="connsiteY2"/>
                    </a:cxn>
                    <a:cxn ang="0">
                      <a:pos x="connsiteX3" y="connsiteY3"/>
                    </a:cxn>
                  </a:cxnLst>
                  <a:rect l="l" t="t" r="r" b="b"/>
                  <a:pathLst>
                    <a:path w="554779" h="292222">
                      <a:moveTo>
                        <a:pt x="0" y="0"/>
                      </a:moveTo>
                      <a:lnTo>
                        <a:pt x="554780" y="0"/>
                      </a:lnTo>
                      <a:lnTo>
                        <a:pt x="554780" y="292223"/>
                      </a:lnTo>
                      <a:lnTo>
                        <a:pt x="0" y="29222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15" name="Freeform: Shape 814">
                  <a:extLst>
                    <a:ext uri="{FF2B5EF4-FFF2-40B4-BE49-F238E27FC236}">
                      <a16:creationId xmlns:a16="http://schemas.microsoft.com/office/drawing/2014/main" id="{08E56239-A64A-4FE7-5215-402BBAE745C6}"/>
                    </a:ext>
                  </a:extLst>
                </p:cNvPr>
                <p:cNvSpPr/>
                <p:nvPr/>
              </p:nvSpPr>
              <p:spPr>
                <a:xfrm>
                  <a:off x="17358062" y="6761604"/>
                  <a:ext cx="778542" cy="206901"/>
                </a:xfrm>
                <a:custGeom>
                  <a:avLst/>
                  <a:gdLst>
                    <a:gd name="connsiteX0" fmla="*/ 0 w 778542"/>
                    <a:gd name="connsiteY0" fmla="*/ 206901 h 206901"/>
                    <a:gd name="connsiteX1" fmla="*/ 186743 w 778542"/>
                    <a:gd name="connsiteY1" fmla="*/ 0 h 206901"/>
                    <a:gd name="connsiteX2" fmla="*/ 250132 w 778542"/>
                    <a:gd name="connsiteY2" fmla="*/ 0 h 206901"/>
                    <a:gd name="connsiteX3" fmla="*/ 752046 w 778542"/>
                    <a:gd name="connsiteY3" fmla="*/ 0 h 206901"/>
                    <a:gd name="connsiteX4" fmla="*/ 778543 w 778542"/>
                    <a:gd name="connsiteY4" fmla="*/ 0 h 206901"/>
                    <a:gd name="connsiteX5" fmla="*/ 589643 w 778542"/>
                    <a:gd name="connsiteY5" fmla="*/ 206901 h 206901"/>
                    <a:gd name="connsiteX6" fmla="*/ 0 w 778542"/>
                    <a:gd name="connsiteY6" fmla="*/ 206901 h 2069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78542" h="206901">
                      <a:moveTo>
                        <a:pt x="0" y="206901"/>
                      </a:moveTo>
                      <a:lnTo>
                        <a:pt x="186743" y="0"/>
                      </a:lnTo>
                      <a:lnTo>
                        <a:pt x="250132" y="0"/>
                      </a:lnTo>
                      <a:lnTo>
                        <a:pt x="752046" y="0"/>
                      </a:lnTo>
                      <a:lnTo>
                        <a:pt x="778543" y="0"/>
                      </a:lnTo>
                      <a:lnTo>
                        <a:pt x="589643" y="206901"/>
                      </a:lnTo>
                      <a:lnTo>
                        <a:pt x="0" y="206901"/>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16" name="Freeform: Shape 815">
                  <a:extLst>
                    <a:ext uri="{FF2B5EF4-FFF2-40B4-BE49-F238E27FC236}">
                      <a16:creationId xmlns:a16="http://schemas.microsoft.com/office/drawing/2014/main" id="{D0308EF0-560B-E1DB-7C0E-63CBB39140CF}"/>
                    </a:ext>
                  </a:extLst>
                </p:cNvPr>
                <p:cNvSpPr/>
                <p:nvPr/>
              </p:nvSpPr>
              <p:spPr>
                <a:xfrm>
                  <a:off x="18093500" y="7009201"/>
                  <a:ext cx="74925" cy="72263"/>
                </a:xfrm>
                <a:custGeom>
                  <a:avLst/>
                  <a:gdLst>
                    <a:gd name="connsiteX0" fmla="*/ 0 w 74925"/>
                    <a:gd name="connsiteY0" fmla="*/ 0 h 72263"/>
                    <a:gd name="connsiteX1" fmla="*/ 74925 w 74925"/>
                    <a:gd name="connsiteY1" fmla="*/ 0 h 72263"/>
                    <a:gd name="connsiteX2" fmla="*/ 74925 w 74925"/>
                    <a:gd name="connsiteY2" fmla="*/ 72263 h 72263"/>
                    <a:gd name="connsiteX3" fmla="*/ 0 w 74925"/>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925" h="72263">
                      <a:moveTo>
                        <a:pt x="0" y="0"/>
                      </a:moveTo>
                      <a:lnTo>
                        <a:pt x="74925" y="0"/>
                      </a:lnTo>
                      <a:lnTo>
                        <a:pt x="74925"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17" name="Freeform: Shape 816">
                  <a:extLst>
                    <a:ext uri="{FF2B5EF4-FFF2-40B4-BE49-F238E27FC236}">
                      <a16:creationId xmlns:a16="http://schemas.microsoft.com/office/drawing/2014/main" id="{97C27456-071D-C156-4365-0C4DCB0005B5}"/>
                    </a:ext>
                  </a:extLst>
                </p:cNvPr>
                <p:cNvSpPr/>
                <p:nvPr/>
              </p:nvSpPr>
              <p:spPr>
                <a:xfrm>
                  <a:off x="17699855" y="7086916"/>
                  <a:ext cx="107000" cy="173812"/>
                </a:xfrm>
                <a:custGeom>
                  <a:avLst/>
                  <a:gdLst>
                    <a:gd name="connsiteX0" fmla="*/ 0 w 107000"/>
                    <a:gd name="connsiteY0" fmla="*/ 0 h 173812"/>
                    <a:gd name="connsiteX1" fmla="*/ 107001 w 107000"/>
                    <a:gd name="connsiteY1" fmla="*/ 0 h 173812"/>
                    <a:gd name="connsiteX2" fmla="*/ 107001 w 107000"/>
                    <a:gd name="connsiteY2" fmla="*/ 173812 h 173812"/>
                    <a:gd name="connsiteX3" fmla="*/ 0 w 107000"/>
                    <a:gd name="connsiteY3" fmla="*/ 173812 h 173812"/>
                  </a:gdLst>
                  <a:ahLst/>
                  <a:cxnLst>
                    <a:cxn ang="0">
                      <a:pos x="connsiteX0" y="connsiteY0"/>
                    </a:cxn>
                    <a:cxn ang="0">
                      <a:pos x="connsiteX1" y="connsiteY1"/>
                    </a:cxn>
                    <a:cxn ang="0">
                      <a:pos x="connsiteX2" y="connsiteY2"/>
                    </a:cxn>
                    <a:cxn ang="0">
                      <a:pos x="connsiteX3" y="connsiteY3"/>
                    </a:cxn>
                  </a:cxnLst>
                  <a:rect l="l" t="t" r="r" b="b"/>
                  <a:pathLst>
                    <a:path w="107000" h="173812">
                      <a:moveTo>
                        <a:pt x="0" y="0"/>
                      </a:moveTo>
                      <a:lnTo>
                        <a:pt x="107001" y="0"/>
                      </a:lnTo>
                      <a:lnTo>
                        <a:pt x="107001" y="173812"/>
                      </a:lnTo>
                      <a:lnTo>
                        <a:pt x="0" y="17381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18" name="Freeform: Shape 817">
                  <a:extLst>
                    <a:ext uri="{FF2B5EF4-FFF2-40B4-BE49-F238E27FC236}">
                      <a16:creationId xmlns:a16="http://schemas.microsoft.com/office/drawing/2014/main" id="{E4D4F937-B70B-E42D-91B2-1C72E9CA9F62}"/>
                    </a:ext>
                  </a:extLst>
                </p:cNvPr>
                <p:cNvSpPr/>
                <p:nvPr/>
              </p:nvSpPr>
              <p:spPr>
                <a:xfrm>
                  <a:off x="17510449" y="7036458"/>
                  <a:ext cx="74798" cy="72263"/>
                </a:xfrm>
                <a:custGeom>
                  <a:avLst/>
                  <a:gdLst>
                    <a:gd name="connsiteX0" fmla="*/ 0 w 74798"/>
                    <a:gd name="connsiteY0" fmla="*/ 0 h 72263"/>
                    <a:gd name="connsiteX1" fmla="*/ 74799 w 74798"/>
                    <a:gd name="connsiteY1" fmla="*/ 0 h 72263"/>
                    <a:gd name="connsiteX2" fmla="*/ 74799 w 74798"/>
                    <a:gd name="connsiteY2" fmla="*/ 72263 h 72263"/>
                    <a:gd name="connsiteX3" fmla="*/ 0 w 74798"/>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798" h="72263">
                      <a:moveTo>
                        <a:pt x="0" y="0"/>
                      </a:moveTo>
                      <a:lnTo>
                        <a:pt x="74799" y="0"/>
                      </a:lnTo>
                      <a:lnTo>
                        <a:pt x="74799"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19" name="Freeform: Shape 818">
                  <a:extLst>
                    <a:ext uri="{FF2B5EF4-FFF2-40B4-BE49-F238E27FC236}">
                      <a16:creationId xmlns:a16="http://schemas.microsoft.com/office/drawing/2014/main" id="{07C913FB-CB3F-89C6-F803-AB53EE9171AE}"/>
                    </a:ext>
                  </a:extLst>
                </p:cNvPr>
                <p:cNvSpPr/>
                <p:nvPr/>
              </p:nvSpPr>
              <p:spPr>
                <a:xfrm>
                  <a:off x="17510449" y="7145867"/>
                  <a:ext cx="74798" cy="72263"/>
                </a:xfrm>
                <a:custGeom>
                  <a:avLst/>
                  <a:gdLst>
                    <a:gd name="connsiteX0" fmla="*/ 0 w 74798"/>
                    <a:gd name="connsiteY0" fmla="*/ 0 h 72263"/>
                    <a:gd name="connsiteX1" fmla="*/ 74799 w 74798"/>
                    <a:gd name="connsiteY1" fmla="*/ 0 h 72263"/>
                    <a:gd name="connsiteX2" fmla="*/ 74799 w 74798"/>
                    <a:gd name="connsiteY2" fmla="*/ 72263 h 72263"/>
                    <a:gd name="connsiteX3" fmla="*/ 0 w 74798"/>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798" h="72263">
                      <a:moveTo>
                        <a:pt x="0" y="0"/>
                      </a:moveTo>
                      <a:lnTo>
                        <a:pt x="74799" y="0"/>
                      </a:lnTo>
                      <a:lnTo>
                        <a:pt x="74799"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820" name="Graphic 778">
                <a:extLst>
                  <a:ext uri="{FF2B5EF4-FFF2-40B4-BE49-F238E27FC236}">
                    <a16:creationId xmlns:a16="http://schemas.microsoft.com/office/drawing/2014/main" id="{77501754-D920-93BE-228A-439E381961B8}"/>
                  </a:ext>
                </a:extLst>
              </p:cNvPr>
              <p:cNvGrpSpPr/>
              <p:nvPr/>
            </p:nvGrpSpPr>
            <p:grpSpPr>
              <a:xfrm>
                <a:off x="17884190" y="7145867"/>
                <a:ext cx="963383" cy="567457"/>
                <a:chOff x="17884190" y="7145867"/>
                <a:chExt cx="963383" cy="567457"/>
              </a:xfrm>
              <a:solidFill>
                <a:srgbClr val="FFFFFF"/>
              </a:solidFill>
            </p:grpSpPr>
            <p:sp>
              <p:nvSpPr>
                <p:cNvPr id="821" name="Freeform: Shape 820">
                  <a:extLst>
                    <a:ext uri="{FF2B5EF4-FFF2-40B4-BE49-F238E27FC236}">
                      <a16:creationId xmlns:a16="http://schemas.microsoft.com/office/drawing/2014/main" id="{D9197A44-6C22-AD7B-58A2-EB63BE7EA946}"/>
                    </a:ext>
                  </a:extLst>
                </p:cNvPr>
                <p:cNvSpPr/>
                <p:nvPr/>
              </p:nvSpPr>
              <p:spPr>
                <a:xfrm>
                  <a:off x="18432884" y="7145867"/>
                  <a:ext cx="49316" cy="68460"/>
                </a:xfrm>
                <a:custGeom>
                  <a:avLst/>
                  <a:gdLst>
                    <a:gd name="connsiteX0" fmla="*/ 0 w 49316"/>
                    <a:gd name="connsiteY0" fmla="*/ 0 h 68460"/>
                    <a:gd name="connsiteX1" fmla="*/ 49317 w 49316"/>
                    <a:gd name="connsiteY1" fmla="*/ 0 h 68460"/>
                    <a:gd name="connsiteX2" fmla="*/ 49317 w 49316"/>
                    <a:gd name="connsiteY2" fmla="*/ 68460 h 68460"/>
                    <a:gd name="connsiteX3" fmla="*/ 0 w 49316"/>
                    <a:gd name="connsiteY3" fmla="*/ 68460 h 68460"/>
                  </a:gdLst>
                  <a:ahLst/>
                  <a:cxnLst>
                    <a:cxn ang="0">
                      <a:pos x="connsiteX0" y="connsiteY0"/>
                    </a:cxn>
                    <a:cxn ang="0">
                      <a:pos x="connsiteX1" y="connsiteY1"/>
                    </a:cxn>
                    <a:cxn ang="0">
                      <a:pos x="connsiteX2" y="connsiteY2"/>
                    </a:cxn>
                    <a:cxn ang="0">
                      <a:pos x="connsiteX3" y="connsiteY3"/>
                    </a:cxn>
                  </a:cxnLst>
                  <a:rect l="l" t="t" r="r" b="b"/>
                  <a:pathLst>
                    <a:path w="49316" h="68460">
                      <a:moveTo>
                        <a:pt x="0" y="0"/>
                      </a:moveTo>
                      <a:lnTo>
                        <a:pt x="49317" y="0"/>
                      </a:lnTo>
                      <a:lnTo>
                        <a:pt x="49317" y="68460"/>
                      </a:lnTo>
                      <a:lnTo>
                        <a:pt x="0" y="684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22" name="Freeform: Shape 821">
                  <a:extLst>
                    <a:ext uri="{FF2B5EF4-FFF2-40B4-BE49-F238E27FC236}">
                      <a16:creationId xmlns:a16="http://schemas.microsoft.com/office/drawing/2014/main" id="{F35277E1-1CF1-92D3-1AB7-9E84AE3E30B3}"/>
                    </a:ext>
                  </a:extLst>
                </p:cNvPr>
                <p:cNvSpPr/>
                <p:nvPr/>
              </p:nvSpPr>
              <p:spPr>
                <a:xfrm>
                  <a:off x="18482073" y="7145867"/>
                  <a:ext cx="70108" cy="68460"/>
                </a:xfrm>
                <a:custGeom>
                  <a:avLst/>
                  <a:gdLst>
                    <a:gd name="connsiteX0" fmla="*/ 0 w 70108"/>
                    <a:gd name="connsiteY0" fmla="*/ 0 h 68460"/>
                    <a:gd name="connsiteX1" fmla="*/ 70109 w 70108"/>
                    <a:gd name="connsiteY1" fmla="*/ 0 h 68460"/>
                    <a:gd name="connsiteX2" fmla="*/ 70109 w 70108"/>
                    <a:gd name="connsiteY2" fmla="*/ 68460 h 68460"/>
                    <a:gd name="connsiteX3" fmla="*/ 0 w 70108"/>
                    <a:gd name="connsiteY3" fmla="*/ 68460 h 68460"/>
                  </a:gdLst>
                  <a:ahLst/>
                  <a:cxnLst>
                    <a:cxn ang="0">
                      <a:pos x="connsiteX0" y="connsiteY0"/>
                    </a:cxn>
                    <a:cxn ang="0">
                      <a:pos x="connsiteX1" y="connsiteY1"/>
                    </a:cxn>
                    <a:cxn ang="0">
                      <a:pos x="connsiteX2" y="connsiteY2"/>
                    </a:cxn>
                    <a:cxn ang="0">
                      <a:pos x="connsiteX3" y="connsiteY3"/>
                    </a:cxn>
                  </a:cxnLst>
                  <a:rect l="l" t="t" r="r" b="b"/>
                  <a:pathLst>
                    <a:path w="70108" h="68460">
                      <a:moveTo>
                        <a:pt x="0" y="0"/>
                      </a:moveTo>
                      <a:lnTo>
                        <a:pt x="70109" y="0"/>
                      </a:lnTo>
                      <a:lnTo>
                        <a:pt x="70109" y="68460"/>
                      </a:lnTo>
                      <a:lnTo>
                        <a:pt x="0" y="684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23" name="Freeform: Shape 822">
                  <a:extLst>
                    <a:ext uri="{FF2B5EF4-FFF2-40B4-BE49-F238E27FC236}">
                      <a16:creationId xmlns:a16="http://schemas.microsoft.com/office/drawing/2014/main" id="{A27444DA-94DD-3D8E-4E11-89EC6380066F}"/>
                    </a:ext>
                  </a:extLst>
                </p:cNvPr>
                <p:cNvSpPr/>
                <p:nvPr/>
              </p:nvSpPr>
              <p:spPr>
                <a:xfrm>
                  <a:off x="18473960" y="7421102"/>
                  <a:ext cx="347244" cy="292222"/>
                </a:xfrm>
                <a:custGeom>
                  <a:avLst/>
                  <a:gdLst>
                    <a:gd name="connsiteX0" fmla="*/ 0 w 347244"/>
                    <a:gd name="connsiteY0" fmla="*/ 0 h 292222"/>
                    <a:gd name="connsiteX1" fmla="*/ 347245 w 347244"/>
                    <a:gd name="connsiteY1" fmla="*/ 0 h 292222"/>
                    <a:gd name="connsiteX2" fmla="*/ 347245 w 347244"/>
                    <a:gd name="connsiteY2" fmla="*/ 292223 h 292222"/>
                    <a:gd name="connsiteX3" fmla="*/ 0 w 347244"/>
                    <a:gd name="connsiteY3" fmla="*/ 292223 h 292222"/>
                  </a:gdLst>
                  <a:ahLst/>
                  <a:cxnLst>
                    <a:cxn ang="0">
                      <a:pos x="connsiteX0" y="connsiteY0"/>
                    </a:cxn>
                    <a:cxn ang="0">
                      <a:pos x="connsiteX1" y="connsiteY1"/>
                    </a:cxn>
                    <a:cxn ang="0">
                      <a:pos x="connsiteX2" y="connsiteY2"/>
                    </a:cxn>
                    <a:cxn ang="0">
                      <a:pos x="connsiteX3" y="connsiteY3"/>
                    </a:cxn>
                  </a:cxnLst>
                  <a:rect l="l" t="t" r="r" b="b"/>
                  <a:pathLst>
                    <a:path w="347244" h="292222">
                      <a:moveTo>
                        <a:pt x="0" y="0"/>
                      </a:moveTo>
                      <a:lnTo>
                        <a:pt x="347245" y="0"/>
                      </a:lnTo>
                      <a:lnTo>
                        <a:pt x="347245" y="292223"/>
                      </a:lnTo>
                      <a:lnTo>
                        <a:pt x="0" y="29222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24" name="Freeform: Shape 823">
                  <a:extLst>
                    <a:ext uri="{FF2B5EF4-FFF2-40B4-BE49-F238E27FC236}">
                      <a16:creationId xmlns:a16="http://schemas.microsoft.com/office/drawing/2014/main" id="{D5397217-4A8C-9E6F-9575-AAC84623A77D}"/>
                    </a:ext>
                  </a:extLst>
                </p:cNvPr>
                <p:cNvSpPr/>
                <p:nvPr/>
              </p:nvSpPr>
              <p:spPr>
                <a:xfrm>
                  <a:off x="18473960" y="7214200"/>
                  <a:ext cx="373613" cy="206901"/>
                </a:xfrm>
                <a:custGeom>
                  <a:avLst/>
                  <a:gdLst>
                    <a:gd name="connsiteX0" fmla="*/ 186743 w 373613"/>
                    <a:gd name="connsiteY0" fmla="*/ 0 h 206901"/>
                    <a:gd name="connsiteX1" fmla="*/ 373614 w 373613"/>
                    <a:gd name="connsiteY1" fmla="*/ 206901 h 206901"/>
                    <a:gd name="connsiteX2" fmla="*/ 0 w 373613"/>
                    <a:gd name="connsiteY2" fmla="*/ 206901 h 206901"/>
                    <a:gd name="connsiteX3" fmla="*/ 186743 w 373613"/>
                    <a:gd name="connsiteY3" fmla="*/ 0 h 206901"/>
                  </a:gdLst>
                  <a:ahLst/>
                  <a:cxnLst>
                    <a:cxn ang="0">
                      <a:pos x="connsiteX0" y="connsiteY0"/>
                    </a:cxn>
                    <a:cxn ang="0">
                      <a:pos x="connsiteX1" y="connsiteY1"/>
                    </a:cxn>
                    <a:cxn ang="0">
                      <a:pos x="connsiteX2" y="connsiteY2"/>
                    </a:cxn>
                    <a:cxn ang="0">
                      <a:pos x="connsiteX3" y="connsiteY3"/>
                    </a:cxn>
                  </a:cxnLst>
                  <a:rect l="l" t="t" r="r" b="b"/>
                  <a:pathLst>
                    <a:path w="373613" h="206901">
                      <a:moveTo>
                        <a:pt x="186743" y="0"/>
                      </a:moveTo>
                      <a:lnTo>
                        <a:pt x="373614" y="206901"/>
                      </a:lnTo>
                      <a:lnTo>
                        <a:pt x="0" y="206901"/>
                      </a:lnTo>
                      <a:lnTo>
                        <a:pt x="186743"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25" name="Freeform: Shape 824">
                  <a:extLst>
                    <a:ext uri="{FF2B5EF4-FFF2-40B4-BE49-F238E27FC236}">
                      <a16:creationId xmlns:a16="http://schemas.microsoft.com/office/drawing/2014/main" id="{AB48DC9E-BD1C-487B-00F7-58076136B26C}"/>
                    </a:ext>
                  </a:extLst>
                </p:cNvPr>
                <p:cNvSpPr/>
                <p:nvPr/>
              </p:nvSpPr>
              <p:spPr>
                <a:xfrm>
                  <a:off x="17919053" y="7421102"/>
                  <a:ext cx="554779" cy="292222"/>
                </a:xfrm>
                <a:custGeom>
                  <a:avLst/>
                  <a:gdLst>
                    <a:gd name="connsiteX0" fmla="*/ 0 w 554779"/>
                    <a:gd name="connsiteY0" fmla="*/ 0 h 292222"/>
                    <a:gd name="connsiteX1" fmla="*/ 554780 w 554779"/>
                    <a:gd name="connsiteY1" fmla="*/ 0 h 292222"/>
                    <a:gd name="connsiteX2" fmla="*/ 554780 w 554779"/>
                    <a:gd name="connsiteY2" fmla="*/ 292223 h 292222"/>
                    <a:gd name="connsiteX3" fmla="*/ 0 w 554779"/>
                    <a:gd name="connsiteY3" fmla="*/ 292223 h 292222"/>
                  </a:gdLst>
                  <a:ahLst/>
                  <a:cxnLst>
                    <a:cxn ang="0">
                      <a:pos x="connsiteX0" y="connsiteY0"/>
                    </a:cxn>
                    <a:cxn ang="0">
                      <a:pos x="connsiteX1" y="connsiteY1"/>
                    </a:cxn>
                    <a:cxn ang="0">
                      <a:pos x="connsiteX2" y="connsiteY2"/>
                    </a:cxn>
                    <a:cxn ang="0">
                      <a:pos x="connsiteX3" y="connsiteY3"/>
                    </a:cxn>
                  </a:cxnLst>
                  <a:rect l="l" t="t" r="r" b="b"/>
                  <a:pathLst>
                    <a:path w="554779" h="292222">
                      <a:moveTo>
                        <a:pt x="0" y="0"/>
                      </a:moveTo>
                      <a:lnTo>
                        <a:pt x="554780" y="0"/>
                      </a:lnTo>
                      <a:lnTo>
                        <a:pt x="554780" y="292223"/>
                      </a:lnTo>
                      <a:lnTo>
                        <a:pt x="0" y="29222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26" name="Freeform: Shape 825">
                  <a:extLst>
                    <a:ext uri="{FF2B5EF4-FFF2-40B4-BE49-F238E27FC236}">
                      <a16:creationId xmlns:a16="http://schemas.microsoft.com/office/drawing/2014/main" id="{B9689FE2-A94E-A82F-71E9-02D964444E9D}"/>
                    </a:ext>
                  </a:extLst>
                </p:cNvPr>
                <p:cNvSpPr/>
                <p:nvPr/>
              </p:nvSpPr>
              <p:spPr>
                <a:xfrm>
                  <a:off x="17884190" y="7214200"/>
                  <a:ext cx="778542" cy="206901"/>
                </a:xfrm>
                <a:custGeom>
                  <a:avLst/>
                  <a:gdLst>
                    <a:gd name="connsiteX0" fmla="*/ 0 w 778542"/>
                    <a:gd name="connsiteY0" fmla="*/ 206901 h 206901"/>
                    <a:gd name="connsiteX1" fmla="*/ 186743 w 778542"/>
                    <a:gd name="connsiteY1" fmla="*/ 0 h 206901"/>
                    <a:gd name="connsiteX2" fmla="*/ 250132 w 778542"/>
                    <a:gd name="connsiteY2" fmla="*/ 0 h 206901"/>
                    <a:gd name="connsiteX3" fmla="*/ 752046 w 778542"/>
                    <a:gd name="connsiteY3" fmla="*/ 0 h 206901"/>
                    <a:gd name="connsiteX4" fmla="*/ 778543 w 778542"/>
                    <a:gd name="connsiteY4" fmla="*/ 0 h 206901"/>
                    <a:gd name="connsiteX5" fmla="*/ 589770 w 778542"/>
                    <a:gd name="connsiteY5" fmla="*/ 206901 h 206901"/>
                    <a:gd name="connsiteX6" fmla="*/ 0 w 778542"/>
                    <a:gd name="connsiteY6" fmla="*/ 206901 h 2069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78542" h="206901">
                      <a:moveTo>
                        <a:pt x="0" y="206901"/>
                      </a:moveTo>
                      <a:lnTo>
                        <a:pt x="186743" y="0"/>
                      </a:lnTo>
                      <a:lnTo>
                        <a:pt x="250132" y="0"/>
                      </a:lnTo>
                      <a:lnTo>
                        <a:pt x="752046" y="0"/>
                      </a:lnTo>
                      <a:lnTo>
                        <a:pt x="778543" y="0"/>
                      </a:lnTo>
                      <a:lnTo>
                        <a:pt x="589770" y="206901"/>
                      </a:lnTo>
                      <a:lnTo>
                        <a:pt x="0" y="206901"/>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27" name="Freeform: Shape 826">
                  <a:extLst>
                    <a:ext uri="{FF2B5EF4-FFF2-40B4-BE49-F238E27FC236}">
                      <a16:creationId xmlns:a16="http://schemas.microsoft.com/office/drawing/2014/main" id="{34801923-6967-8BA0-5168-22E48A46EC87}"/>
                    </a:ext>
                  </a:extLst>
                </p:cNvPr>
                <p:cNvSpPr/>
                <p:nvPr/>
              </p:nvSpPr>
              <p:spPr>
                <a:xfrm>
                  <a:off x="18619754" y="7461924"/>
                  <a:ext cx="74925" cy="72263"/>
                </a:xfrm>
                <a:custGeom>
                  <a:avLst/>
                  <a:gdLst>
                    <a:gd name="connsiteX0" fmla="*/ 0 w 74925"/>
                    <a:gd name="connsiteY0" fmla="*/ 0 h 72263"/>
                    <a:gd name="connsiteX1" fmla="*/ 74925 w 74925"/>
                    <a:gd name="connsiteY1" fmla="*/ 0 h 72263"/>
                    <a:gd name="connsiteX2" fmla="*/ 74925 w 74925"/>
                    <a:gd name="connsiteY2" fmla="*/ 72263 h 72263"/>
                    <a:gd name="connsiteX3" fmla="*/ 0 w 74925"/>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925" h="72263">
                      <a:moveTo>
                        <a:pt x="0" y="0"/>
                      </a:moveTo>
                      <a:lnTo>
                        <a:pt x="74925" y="0"/>
                      </a:lnTo>
                      <a:lnTo>
                        <a:pt x="74925"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28" name="Freeform: Shape 827">
                  <a:extLst>
                    <a:ext uri="{FF2B5EF4-FFF2-40B4-BE49-F238E27FC236}">
                      <a16:creationId xmlns:a16="http://schemas.microsoft.com/office/drawing/2014/main" id="{B74DDD1F-5E32-1EEF-579F-7B519A5E51F5}"/>
                    </a:ext>
                  </a:extLst>
                </p:cNvPr>
                <p:cNvSpPr/>
                <p:nvPr/>
              </p:nvSpPr>
              <p:spPr>
                <a:xfrm>
                  <a:off x="18225982" y="7539512"/>
                  <a:ext cx="107000" cy="173812"/>
                </a:xfrm>
                <a:custGeom>
                  <a:avLst/>
                  <a:gdLst>
                    <a:gd name="connsiteX0" fmla="*/ 0 w 107000"/>
                    <a:gd name="connsiteY0" fmla="*/ 0 h 173812"/>
                    <a:gd name="connsiteX1" fmla="*/ 107001 w 107000"/>
                    <a:gd name="connsiteY1" fmla="*/ 0 h 173812"/>
                    <a:gd name="connsiteX2" fmla="*/ 107001 w 107000"/>
                    <a:gd name="connsiteY2" fmla="*/ 173812 h 173812"/>
                    <a:gd name="connsiteX3" fmla="*/ 0 w 107000"/>
                    <a:gd name="connsiteY3" fmla="*/ 173812 h 173812"/>
                  </a:gdLst>
                  <a:ahLst/>
                  <a:cxnLst>
                    <a:cxn ang="0">
                      <a:pos x="connsiteX0" y="connsiteY0"/>
                    </a:cxn>
                    <a:cxn ang="0">
                      <a:pos x="connsiteX1" y="connsiteY1"/>
                    </a:cxn>
                    <a:cxn ang="0">
                      <a:pos x="connsiteX2" y="connsiteY2"/>
                    </a:cxn>
                    <a:cxn ang="0">
                      <a:pos x="connsiteX3" y="connsiteY3"/>
                    </a:cxn>
                  </a:cxnLst>
                  <a:rect l="l" t="t" r="r" b="b"/>
                  <a:pathLst>
                    <a:path w="107000" h="173812">
                      <a:moveTo>
                        <a:pt x="0" y="0"/>
                      </a:moveTo>
                      <a:lnTo>
                        <a:pt x="107001" y="0"/>
                      </a:lnTo>
                      <a:lnTo>
                        <a:pt x="107001" y="173812"/>
                      </a:lnTo>
                      <a:lnTo>
                        <a:pt x="0" y="17381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29" name="Freeform: Shape 828">
                  <a:extLst>
                    <a:ext uri="{FF2B5EF4-FFF2-40B4-BE49-F238E27FC236}">
                      <a16:creationId xmlns:a16="http://schemas.microsoft.com/office/drawing/2014/main" id="{7A3EFFE6-C229-0129-03B3-AEC8DA82C79A}"/>
                    </a:ext>
                  </a:extLst>
                </p:cNvPr>
                <p:cNvSpPr/>
                <p:nvPr/>
              </p:nvSpPr>
              <p:spPr>
                <a:xfrm>
                  <a:off x="18036576" y="7489181"/>
                  <a:ext cx="74798" cy="72263"/>
                </a:xfrm>
                <a:custGeom>
                  <a:avLst/>
                  <a:gdLst>
                    <a:gd name="connsiteX0" fmla="*/ 0 w 74798"/>
                    <a:gd name="connsiteY0" fmla="*/ 0 h 72263"/>
                    <a:gd name="connsiteX1" fmla="*/ 74799 w 74798"/>
                    <a:gd name="connsiteY1" fmla="*/ 0 h 72263"/>
                    <a:gd name="connsiteX2" fmla="*/ 74799 w 74798"/>
                    <a:gd name="connsiteY2" fmla="*/ 72263 h 72263"/>
                    <a:gd name="connsiteX3" fmla="*/ 0 w 74798"/>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798" h="72263">
                      <a:moveTo>
                        <a:pt x="0" y="0"/>
                      </a:moveTo>
                      <a:lnTo>
                        <a:pt x="74799" y="0"/>
                      </a:lnTo>
                      <a:lnTo>
                        <a:pt x="74799"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30" name="Freeform: Shape 829">
                  <a:extLst>
                    <a:ext uri="{FF2B5EF4-FFF2-40B4-BE49-F238E27FC236}">
                      <a16:creationId xmlns:a16="http://schemas.microsoft.com/office/drawing/2014/main" id="{E84C2A78-9D18-694E-52A2-3AAD5714E0D5}"/>
                    </a:ext>
                  </a:extLst>
                </p:cNvPr>
                <p:cNvSpPr/>
                <p:nvPr/>
              </p:nvSpPr>
              <p:spPr>
                <a:xfrm>
                  <a:off x="18036576" y="7598464"/>
                  <a:ext cx="74798" cy="72263"/>
                </a:xfrm>
                <a:custGeom>
                  <a:avLst/>
                  <a:gdLst>
                    <a:gd name="connsiteX0" fmla="*/ 0 w 74798"/>
                    <a:gd name="connsiteY0" fmla="*/ 0 h 72263"/>
                    <a:gd name="connsiteX1" fmla="*/ 74799 w 74798"/>
                    <a:gd name="connsiteY1" fmla="*/ 0 h 72263"/>
                    <a:gd name="connsiteX2" fmla="*/ 74799 w 74798"/>
                    <a:gd name="connsiteY2" fmla="*/ 72263 h 72263"/>
                    <a:gd name="connsiteX3" fmla="*/ 0 w 74798"/>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798" h="72263">
                      <a:moveTo>
                        <a:pt x="0" y="0"/>
                      </a:moveTo>
                      <a:lnTo>
                        <a:pt x="74799" y="0"/>
                      </a:lnTo>
                      <a:lnTo>
                        <a:pt x="74799"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grpSp>
        </p:grpSp>
        <p:grpSp>
          <p:nvGrpSpPr>
            <p:cNvPr id="831" name="Graphic 778">
              <a:extLst>
                <a:ext uri="{FF2B5EF4-FFF2-40B4-BE49-F238E27FC236}">
                  <a16:creationId xmlns:a16="http://schemas.microsoft.com/office/drawing/2014/main" id="{AE5D07B2-C480-BF22-A47D-4B3ED8AAC9CB}"/>
                </a:ext>
              </a:extLst>
            </p:cNvPr>
            <p:cNvGrpSpPr/>
            <p:nvPr/>
          </p:nvGrpSpPr>
          <p:grpSpPr>
            <a:xfrm>
              <a:off x="13675168" y="9087723"/>
              <a:ext cx="963257" cy="567583"/>
              <a:chOff x="13675168" y="9087723"/>
              <a:chExt cx="963257" cy="567583"/>
            </a:xfrm>
            <a:solidFill>
              <a:srgbClr val="FFFFFF"/>
            </a:solidFill>
          </p:grpSpPr>
          <p:sp>
            <p:nvSpPr>
              <p:cNvPr id="832" name="Freeform: Shape 831">
                <a:extLst>
                  <a:ext uri="{FF2B5EF4-FFF2-40B4-BE49-F238E27FC236}">
                    <a16:creationId xmlns:a16="http://schemas.microsoft.com/office/drawing/2014/main" id="{CF500F93-182E-AD45-CA8A-86DC2011E0A9}"/>
                  </a:ext>
                </a:extLst>
              </p:cNvPr>
              <p:cNvSpPr/>
              <p:nvPr/>
            </p:nvSpPr>
            <p:spPr>
              <a:xfrm>
                <a:off x="14223736" y="9087723"/>
                <a:ext cx="49316" cy="68460"/>
              </a:xfrm>
              <a:custGeom>
                <a:avLst/>
                <a:gdLst>
                  <a:gd name="connsiteX0" fmla="*/ 0 w 49316"/>
                  <a:gd name="connsiteY0" fmla="*/ 0 h 68460"/>
                  <a:gd name="connsiteX1" fmla="*/ 49317 w 49316"/>
                  <a:gd name="connsiteY1" fmla="*/ 0 h 68460"/>
                  <a:gd name="connsiteX2" fmla="*/ 49317 w 49316"/>
                  <a:gd name="connsiteY2" fmla="*/ 68460 h 68460"/>
                  <a:gd name="connsiteX3" fmla="*/ 0 w 49316"/>
                  <a:gd name="connsiteY3" fmla="*/ 68460 h 68460"/>
                </a:gdLst>
                <a:ahLst/>
                <a:cxnLst>
                  <a:cxn ang="0">
                    <a:pos x="connsiteX0" y="connsiteY0"/>
                  </a:cxn>
                  <a:cxn ang="0">
                    <a:pos x="connsiteX1" y="connsiteY1"/>
                  </a:cxn>
                  <a:cxn ang="0">
                    <a:pos x="connsiteX2" y="connsiteY2"/>
                  </a:cxn>
                  <a:cxn ang="0">
                    <a:pos x="connsiteX3" y="connsiteY3"/>
                  </a:cxn>
                </a:cxnLst>
                <a:rect l="l" t="t" r="r" b="b"/>
                <a:pathLst>
                  <a:path w="49316" h="68460">
                    <a:moveTo>
                      <a:pt x="0" y="0"/>
                    </a:moveTo>
                    <a:lnTo>
                      <a:pt x="49317" y="0"/>
                    </a:lnTo>
                    <a:lnTo>
                      <a:pt x="49317" y="68460"/>
                    </a:lnTo>
                    <a:lnTo>
                      <a:pt x="0" y="684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33" name="Freeform: Shape 832">
                <a:extLst>
                  <a:ext uri="{FF2B5EF4-FFF2-40B4-BE49-F238E27FC236}">
                    <a16:creationId xmlns:a16="http://schemas.microsoft.com/office/drawing/2014/main" id="{A638A738-D195-8404-6A39-514977A8C275}"/>
                  </a:ext>
                </a:extLst>
              </p:cNvPr>
              <p:cNvSpPr/>
              <p:nvPr/>
            </p:nvSpPr>
            <p:spPr>
              <a:xfrm>
                <a:off x="14273052" y="9087723"/>
                <a:ext cx="70108" cy="68460"/>
              </a:xfrm>
              <a:custGeom>
                <a:avLst/>
                <a:gdLst>
                  <a:gd name="connsiteX0" fmla="*/ 0 w 70108"/>
                  <a:gd name="connsiteY0" fmla="*/ 0 h 68460"/>
                  <a:gd name="connsiteX1" fmla="*/ 70109 w 70108"/>
                  <a:gd name="connsiteY1" fmla="*/ 0 h 68460"/>
                  <a:gd name="connsiteX2" fmla="*/ 70109 w 70108"/>
                  <a:gd name="connsiteY2" fmla="*/ 68460 h 68460"/>
                  <a:gd name="connsiteX3" fmla="*/ 0 w 70108"/>
                  <a:gd name="connsiteY3" fmla="*/ 68460 h 68460"/>
                </a:gdLst>
                <a:ahLst/>
                <a:cxnLst>
                  <a:cxn ang="0">
                    <a:pos x="connsiteX0" y="connsiteY0"/>
                  </a:cxn>
                  <a:cxn ang="0">
                    <a:pos x="connsiteX1" y="connsiteY1"/>
                  </a:cxn>
                  <a:cxn ang="0">
                    <a:pos x="connsiteX2" y="connsiteY2"/>
                  </a:cxn>
                  <a:cxn ang="0">
                    <a:pos x="connsiteX3" y="connsiteY3"/>
                  </a:cxn>
                </a:cxnLst>
                <a:rect l="l" t="t" r="r" b="b"/>
                <a:pathLst>
                  <a:path w="70108" h="68460">
                    <a:moveTo>
                      <a:pt x="0" y="0"/>
                    </a:moveTo>
                    <a:lnTo>
                      <a:pt x="70109" y="0"/>
                    </a:lnTo>
                    <a:lnTo>
                      <a:pt x="70109" y="68460"/>
                    </a:lnTo>
                    <a:lnTo>
                      <a:pt x="0" y="684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34" name="Freeform: Shape 833">
                <a:extLst>
                  <a:ext uri="{FF2B5EF4-FFF2-40B4-BE49-F238E27FC236}">
                    <a16:creationId xmlns:a16="http://schemas.microsoft.com/office/drawing/2014/main" id="{954EEC0B-E13F-3751-14C4-334C88167D97}"/>
                  </a:ext>
                </a:extLst>
              </p:cNvPr>
              <p:cNvSpPr/>
              <p:nvPr/>
            </p:nvSpPr>
            <p:spPr>
              <a:xfrm>
                <a:off x="14264812" y="9362957"/>
                <a:ext cx="347244" cy="292222"/>
              </a:xfrm>
              <a:custGeom>
                <a:avLst/>
                <a:gdLst>
                  <a:gd name="connsiteX0" fmla="*/ 0 w 347244"/>
                  <a:gd name="connsiteY0" fmla="*/ 0 h 292222"/>
                  <a:gd name="connsiteX1" fmla="*/ 347245 w 347244"/>
                  <a:gd name="connsiteY1" fmla="*/ 0 h 292222"/>
                  <a:gd name="connsiteX2" fmla="*/ 347245 w 347244"/>
                  <a:gd name="connsiteY2" fmla="*/ 292223 h 292222"/>
                  <a:gd name="connsiteX3" fmla="*/ 0 w 347244"/>
                  <a:gd name="connsiteY3" fmla="*/ 292223 h 292222"/>
                </a:gdLst>
                <a:ahLst/>
                <a:cxnLst>
                  <a:cxn ang="0">
                    <a:pos x="connsiteX0" y="connsiteY0"/>
                  </a:cxn>
                  <a:cxn ang="0">
                    <a:pos x="connsiteX1" y="connsiteY1"/>
                  </a:cxn>
                  <a:cxn ang="0">
                    <a:pos x="connsiteX2" y="connsiteY2"/>
                  </a:cxn>
                  <a:cxn ang="0">
                    <a:pos x="connsiteX3" y="connsiteY3"/>
                  </a:cxn>
                </a:cxnLst>
                <a:rect l="l" t="t" r="r" b="b"/>
                <a:pathLst>
                  <a:path w="347244" h="292222">
                    <a:moveTo>
                      <a:pt x="0" y="0"/>
                    </a:moveTo>
                    <a:lnTo>
                      <a:pt x="347245" y="0"/>
                    </a:lnTo>
                    <a:lnTo>
                      <a:pt x="347245" y="292223"/>
                    </a:lnTo>
                    <a:lnTo>
                      <a:pt x="0" y="29222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35" name="Freeform: Shape 834">
                <a:extLst>
                  <a:ext uri="{FF2B5EF4-FFF2-40B4-BE49-F238E27FC236}">
                    <a16:creationId xmlns:a16="http://schemas.microsoft.com/office/drawing/2014/main" id="{1A4C869F-F1CE-2A2C-BF6B-85602ADDEC1A}"/>
                  </a:ext>
                </a:extLst>
              </p:cNvPr>
              <p:cNvSpPr/>
              <p:nvPr/>
            </p:nvSpPr>
            <p:spPr>
              <a:xfrm>
                <a:off x="14264812" y="9156183"/>
                <a:ext cx="373613" cy="206774"/>
              </a:xfrm>
              <a:custGeom>
                <a:avLst/>
                <a:gdLst>
                  <a:gd name="connsiteX0" fmla="*/ 186743 w 373613"/>
                  <a:gd name="connsiteY0" fmla="*/ 0 h 206774"/>
                  <a:gd name="connsiteX1" fmla="*/ 373614 w 373613"/>
                  <a:gd name="connsiteY1" fmla="*/ 206775 h 206774"/>
                  <a:gd name="connsiteX2" fmla="*/ 0 w 373613"/>
                  <a:gd name="connsiteY2" fmla="*/ 206775 h 206774"/>
                  <a:gd name="connsiteX3" fmla="*/ 186743 w 373613"/>
                  <a:gd name="connsiteY3" fmla="*/ 0 h 206774"/>
                </a:gdLst>
                <a:ahLst/>
                <a:cxnLst>
                  <a:cxn ang="0">
                    <a:pos x="connsiteX0" y="connsiteY0"/>
                  </a:cxn>
                  <a:cxn ang="0">
                    <a:pos x="connsiteX1" y="connsiteY1"/>
                  </a:cxn>
                  <a:cxn ang="0">
                    <a:pos x="connsiteX2" y="connsiteY2"/>
                  </a:cxn>
                  <a:cxn ang="0">
                    <a:pos x="connsiteX3" y="connsiteY3"/>
                  </a:cxn>
                </a:cxnLst>
                <a:rect l="l" t="t" r="r" b="b"/>
                <a:pathLst>
                  <a:path w="373613" h="206774">
                    <a:moveTo>
                      <a:pt x="186743" y="0"/>
                    </a:moveTo>
                    <a:lnTo>
                      <a:pt x="373614" y="206775"/>
                    </a:lnTo>
                    <a:lnTo>
                      <a:pt x="0" y="206775"/>
                    </a:lnTo>
                    <a:lnTo>
                      <a:pt x="186743"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36" name="Freeform: Shape 835">
                <a:extLst>
                  <a:ext uri="{FF2B5EF4-FFF2-40B4-BE49-F238E27FC236}">
                    <a16:creationId xmlns:a16="http://schemas.microsoft.com/office/drawing/2014/main" id="{81F6B4D3-43CF-A235-9A75-4B813771131C}"/>
                  </a:ext>
                </a:extLst>
              </p:cNvPr>
              <p:cNvSpPr/>
              <p:nvPr/>
            </p:nvSpPr>
            <p:spPr>
              <a:xfrm>
                <a:off x="13710032" y="9362957"/>
                <a:ext cx="554779" cy="292222"/>
              </a:xfrm>
              <a:custGeom>
                <a:avLst/>
                <a:gdLst>
                  <a:gd name="connsiteX0" fmla="*/ 0 w 554779"/>
                  <a:gd name="connsiteY0" fmla="*/ 0 h 292222"/>
                  <a:gd name="connsiteX1" fmla="*/ 554780 w 554779"/>
                  <a:gd name="connsiteY1" fmla="*/ 0 h 292222"/>
                  <a:gd name="connsiteX2" fmla="*/ 554780 w 554779"/>
                  <a:gd name="connsiteY2" fmla="*/ 292223 h 292222"/>
                  <a:gd name="connsiteX3" fmla="*/ 0 w 554779"/>
                  <a:gd name="connsiteY3" fmla="*/ 292223 h 292222"/>
                </a:gdLst>
                <a:ahLst/>
                <a:cxnLst>
                  <a:cxn ang="0">
                    <a:pos x="connsiteX0" y="connsiteY0"/>
                  </a:cxn>
                  <a:cxn ang="0">
                    <a:pos x="connsiteX1" y="connsiteY1"/>
                  </a:cxn>
                  <a:cxn ang="0">
                    <a:pos x="connsiteX2" y="connsiteY2"/>
                  </a:cxn>
                  <a:cxn ang="0">
                    <a:pos x="connsiteX3" y="connsiteY3"/>
                  </a:cxn>
                </a:cxnLst>
                <a:rect l="l" t="t" r="r" b="b"/>
                <a:pathLst>
                  <a:path w="554779" h="292222">
                    <a:moveTo>
                      <a:pt x="0" y="0"/>
                    </a:moveTo>
                    <a:lnTo>
                      <a:pt x="554780" y="0"/>
                    </a:lnTo>
                    <a:lnTo>
                      <a:pt x="554780" y="292223"/>
                    </a:lnTo>
                    <a:lnTo>
                      <a:pt x="0" y="29222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37" name="Freeform: Shape 836">
                <a:extLst>
                  <a:ext uri="{FF2B5EF4-FFF2-40B4-BE49-F238E27FC236}">
                    <a16:creationId xmlns:a16="http://schemas.microsoft.com/office/drawing/2014/main" id="{38926D53-F9E6-FE49-5BB9-DAEC2A9F07E9}"/>
                  </a:ext>
                </a:extLst>
              </p:cNvPr>
              <p:cNvSpPr/>
              <p:nvPr/>
            </p:nvSpPr>
            <p:spPr>
              <a:xfrm>
                <a:off x="13675168" y="9156183"/>
                <a:ext cx="778542" cy="206774"/>
              </a:xfrm>
              <a:custGeom>
                <a:avLst/>
                <a:gdLst>
                  <a:gd name="connsiteX0" fmla="*/ 0 w 778542"/>
                  <a:gd name="connsiteY0" fmla="*/ 206775 h 206774"/>
                  <a:gd name="connsiteX1" fmla="*/ 186743 w 778542"/>
                  <a:gd name="connsiteY1" fmla="*/ 0 h 206774"/>
                  <a:gd name="connsiteX2" fmla="*/ 250132 w 778542"/>
                  <a:gd name="connsiteY2" fmla="*/ 0 h 206774"/>
                  <a:gd name="connsiteX3" fmla="*/ 752046 w 778542"/>
                  <a:gd name="connsiteY3" fmla="*/ 0 h 206774"/>
                  <a:gd name="connsiteX4" fmla="*/ 778543 w 778542"/>
                  <a:gd name="connsiteY4" fmla="*/ 0 h 206774"/>
                  <a:gd name="connsiteX5" fmla="*/ 589643 w 778542"/>
                  <a:gd name="connsiteY5" fmla="*/ 206775 h 206774"/>
                  <a:gd name="connsiteX6" fmla="*/ 0 w 778542"/>
                  <a:gd name="connsiteY6" fmla="*/ 206775 h 20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78542" h="206774">
                    <a:moveTo>
                      <a:pt x="0" y="206775"/>
                    </a:moveTo>
                    <a:lnTo>
                      <a:pt x="186743" y="0"/>
                    </a:lnTo>
                    <a:lnTo>
                      <a:pt x="250132" y="0"/>
                    </a:lnTo>
                    <a:lnTo>
                      <a:pt x="752046" y="0"/>
                    </a:lnTo>
                    <a:lnTo>
                      <a:pt x="778543" y="0"/>
                    </a:lnTo>
                    <a:lnTo>
                      <a:pt x="589643" y="206775"/>
                    </a:lnTo>
                    <a:lnTo>
                      <a:pt x="0" y="206775"/>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38" name="Freeform: Shape 837">
                <a:extLst>
                  <a:ext uri="{FF2B5EF4-FFF2-40B4-BE49-F238E27FC236}">
                    <a16:creationId xmlns:a16="http://schemas.microsoft.com/office/drawing/2014/main" id="{3685579F-D6DC-9068-D85E-EE839CDFBABE}"/>
                  </a:ext>
                </a:extLst>
              </p:cNvPr>
              <p:cNvSpPr/>
              <p:nvPr/>
            </p:nvSpPr>
            <p:spPr>
              <a:xfrm>
                <a:off x="14410606" y="9403780"/>
                <a:ext cx="74925" cy="72263"/>
              </a:xfrm>
              <a:custGeom>
                <a:avLst/>
                <a:gdLst>
                  <a:gd name="connsiteX0" fmla="*/ 0 w 74925"/>
                  <a:gd name="connsiteY0" fmla="*/ 0 h 72263"/>
                  <a:gd name="connsiteX1" fmla="*/ 74925 w 74925"/>
                  <a:gd name="connsiteY1" fmla="*/ 0 h 72263"/>
                  <a:gd name="connsiteX2" fmla="*/ 74925 w 74925"/>
                  <a:gd name="connsiteY2" fmla="*/ 72263 h 72263"/>
                  <a:gd name="connsiteX3" fmla="*/ 0 w 74925"/>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925" h="72263">
                    <a:moveTo>
                      <a:pt x="0" y="0"/>
                    </a:moveTo>
                    <a:lnTo>
                      <a:pt x="74925" y="0"/>
                    </a:lnTo>
                    <a:lnTo>
                      <a:pt x="74925"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39" name="Freeform: Shape 838">
                <a:extLst>
                  <a:ext uri="{FF2B5EF4-FFF2-40B4-BE49-F238E27FC236}">
                    <a16:creationId xmlns:a16="http://schemas.microsoft.com/office/drawing/2014/main" id="{00888C09-D51C-FF04-0F68-CFE0A2CA6014}"/>
                  </a:ext>
                </a:extLst>
              </p:cNvPr>
              <p:cNvSpPr/>
              <p:nvPr/>
            </p:nvSpPr>
            <p:spPr>
              <a:xfrm>
                <a:off x="14016961" y="9481494"/>
                <a:ext cx="107000" cy="173812"/>
              </a:xfrm>
              <a:custGeom>
                <a:avLst/>
                <a:gdLst>
                  <a:gd name="connsiteX0" fmla="*/ 0 w 107000"/>
                  <a:gd name="connsiteY0" fmla="*/ 0 h 173812"/>
                  <a:gd name="connsiteX1" fmla="*/ 107001 w 107000"/>
                  <a:gd name="connsiteY1" fmla="*/ 0 h 173812"/>
                  <a:gd name="connsiteX2" fmla="*/ 107001 w 107000"/>
                  <a:gd name="connsiteY2" fmla="*/ 173812 h 173812"/>
                  <a:gd name="connsiteX3" fmla="*/ 0 w 107000"/>
                  <a:gd name="connsiteY3" fmla="*/ 173812 h 173812"/>
                </a:gdLst>
                <a:ahLst/>
                <a:cxnLst>
                  <a:cxn ang="0">
                    <a:pos x="connsiteX0" y="connsiteY0"/>
                  </a:cxn>
                  <a:cxn ang="0">
                    <a:pos x="connsiteX1" y="connsiteY1"/>
                  </a:cxn>
                  <a:cxn ang="0">
                    <a:pos x="connsiteX2" y="connsiteY2"/>
                  </a:cxn>
                  <a:cxn ang="0">
                    <a:pos x="connsiteX3" y="connsiteY3"/>
                  </a:cxn>
                </a:cxnLst>
                <a:rect l="l" t="t" r="r" b="b"/>
                <a:pathLst>
                  <a:path w="107000" h="173812">
                    <a:moveTo>
                      <a:pt x="0" y="0"/>
                    </a:moveTo>
                    <a:lnTo>
                      <a:pt x="107001" y="0"/>
                    </a:lnTo>
                    <a:lnTo>
                      <a:pt x="107001" y="173812"/>
                    </a:lnTo>
                    <a:lnTo>
                      <a:pt x="0" y="17381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40" name="Freeform: Shape 839">
                <a:extLst>
                  <a:ext uri="{FF2B5EF4-FFF2-40B4-BE49-F238E27FC236}">
                    <a16:creationId xmlns:a16="http://schemas.microsoft.com/office/drawing/2014/main" id="{E8CA9925-7F4F-D5B2-CFB3-784A82BBD2FD}"/>
                  </a:ext>
                </a:extLst>
              </p:cNvPr>
              <p:cNvSpPr/>
              <p:nvPr/>
            </p:nvSpPr>
            <p:spPr>
              <a:xfrm>
                <a:off x="13827555" y="9431037"/>
                <a:ext cx="74798" cy="72263"/>
              </a:xfrm>
              <a:custGeom>
                <a:avLst/>
                <a:gdLst>
                  <a:gd name="connsiteX0" fmla="*/ 0 w 74798"/>
                  <a:gd name="connsiteY0" fmla="*/ 0 h 72263"/>
                  <a:gd name="connsiteX1" fmla="*/ 74799 w 74798"/>
                  <a:gd name="connsiteY1" fmla="*/ 0 h 72263"/>
                  <a:gd name="connsiteX2" fmla="*/ 74799 w 74798"/>
                  <a:gd name="connsiteY2" fmla="*/ 72263 h 72263"/>
                  <a:gd name="connsiteX3" fmla="*/ 0 w 74798"/>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798" h="72263">
                    <a:moveTo>
                      <a:pt x="0" y="0"/>
                    </a:moveTo>
                    <a:lnTo>
                      <a:pt x="74799" y="0"/>
                    </a:lnTo>
                    <a:lnTo>
                      <a:pt x="74799"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41" name="Freeform: Shape 840">
                <a:extLst>
                  <a:ext uri="{FF2B5EF4-FFF2-40B4-BE49-F238E27FC236}">
                    <a16:creationId xmlns:a16="http://schemas.microsoft.com/office/drawing/2014/main" id="{87349FD2-08D8-F2FE-2E78-E25D8BF6A0AD}"/>
                  </a:ext>
                </a:extLst>
              </p:cNvPr>
              <p:cNvSpPr/>
              <p:nvPr/>
            </p:nvSpPr>
            <p:spPr>
              <a:xfrm>
                <a:off x="13827555" y="9540446"/>
                <a:ext cx="74798" cy="72263"/>
              </a:xfrm>
              <a:custGeom>
                <a:avLst/>
                <a:gdLst>
                  <a:gd name="connsiteX0" fmla="*/ 0 w 74798"/>
                  <a:gd name="connsiteY0" fmla="*/ 0 h 72263"/>
                  <a:gd name="connsiteX1" fmla="*/ 74799 w 74798"/>
                  <a:gd name="connsiteY1" fmla="*/ 0 h 72263"/>
                  <a:gd name="connsiteX2" fmla="*/ 74799 w 74798"/>
                  <a:gd name="connsiteY2" fmla="*/ 72263 h 72263"/>
                  <a:gd name="connsiteX3" fmla="*/ 0 w 74798"/>
                  <a:gd name="connsiteY3" fmla="*/ 72263 h 72263"/>
                </a:gdLst>
                <a:ahLst/>
                <a:cxnLst>
                  <a:cxn ang="0">
                    <a:pos x="connsiteX0" y="connsiteY0"/>
                  </a:cxn>
                  <a:cxn ang="0">
                    <a:pos x="connsiteX1" y="connsiteY1"/>
                  </a:cxn>
                  <a:cxn ang="0">
                    <a:pos x="connsiteX2" y="connsiteY2"/>
                  </a:cxn>
                  <a:cxn ang="0">
                    <a:pos x="connsiteX3" y="connsiteY3"/>
                  </a:cxn>
                </a:cxnLst>
                <a:rect l="l" t="t" r="r" b="b"/>
                <a:pathLst>
                  <a:path w="74798" h="72263">
                    <a:moveTo>
                      <a:pt x="0" y="0"/>
                    </a:moveTo>
                    <a:lnTo>
                      <a:pt x="74799" y="0"/>
                    </a:lnTo>
                    <a:lnTo>
                      <a:pt x="74799" y="72263"/>
                    </a:lnTo>
                    <a:lnTo>
                      <a:pt x="0" y="72263"/>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842" name="Graphic 778">
              <a:extLst>
                <a:ext uri="{FF2B5EF4-FFF2-40B4-BE49-F238E27FC236}">
                  <a16:creationId xmlns:a16="http://schemas.microsoft.com/office/drawing/2014/main" id="{9FFED26C-4297-D281-CA82-24760BA51336}"/>
                </a:ext>
              </a:extLst>
            </p:cNvPr>
            <p:cNvGrpSpPr/>
            <p:nvPr/>
          </p:nvGrpSpPr>
          <p:grpSpPr>
            <a:xfrm>
              <a:off x="13555871" y="6094626"/>
              <a:ext cx="1267776" cy="1618825"/>
              <a:chOff x="13555871" y="6094626"/>
              <a:chExt cx="1267776" cy="1618825"/>
            </a:xfrm>
            <a:solidFill>
              <a:srgbClr val="FFFFFF"/>
            </a:solidFill>
          </p:grpSpPr>
          <p:sp>
            <p:nvSpPr>
              <p:cNvPr id="843" name="Freeform: Shape 842">
                <a:extLst>
                  <a:ext uri="{FF2B5EF4-FFF2-40B4-BE49-F238E27FC236}">
                    <a16:creationId xmlns:a16="http://schemas.microsoft.com/office/drawing/2014/main" id="{7468CE1A-2BA3-B874-3DAE-70D7BA2B5BD4}"/>
                  </a:ext>
                </a:extLst>
              </p:cNvPr>
              <p:cNvSpPr/>
              <p:nvPr/>
            </p:nvSpPr>
            <p:spPr>
              <a:xfrm>
                <a:off x="13817666" y="6094626"/>
                <a:ext cx="513576" cy="347117"/>
              </a:xfrm>
              <a:custGeom>
                <a:avLst/>
                <a:gdLst>
                  <a:gd name="connsiteX0" fmla="*/ 0 w 513576"/>
                  <a:gd name="connsiteY0" fmla="*/ 0 h 347117"/>
                  <a:gd name="connsiteX1" fmla="*/ 0 w 513576"/>
                  <a:gd name="connsiteY1" fmla="*/ 347118 h 347117"/>
                  <a:gd name="connsiteX2" fmla="*/ 352950 w 513576"/>
                  <a:gd name="connsiteY2" fmla="*/ 347118 h 347117"/>
                  <a:gd name="connsiteX3" fmla="*/ 513577 w 513576"/>
                  <a:gd name="connsiteY3" fmla="*/ 347118 h 347117"/>
                  <a:gd name="connsiteX4" fmla="*/ 513577 w 513576"/>
                  <a:gd name="connsiteY4" fmla="*/ 0 h 347117"/>
                  <a:gd name="connsiteX5" fmla="*/ 0 w 513576"/>
                  <a:gd name="connsiteY5" fmla="*/ 0 h 3471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3576" h="347117">
                    <a:moveTo>
                      <a:pt x="0" y="0"/>
                    </a:moveTo>
                    <a:lnTo>
                      <a:pt x="0" y="347118"/>
                    </a:lnTo>
                    <a:lnTo>
                      <a:pt x="352950" y="347118"/>
                    </a:lnTo>
                    <a:lnTo>
                      <a:pt x="513577" y="347118"/>
                    </a:lnTo>
                    <a:lnTo>
                      <a:pt x="513577" y="0"/>
                    </a:lnTo>
                    <a:lnTo>
                      <a:pt x="0"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44" name="Freeform: Shape 843">
                <a:extLst>
                  <a:ext uri="{FF2B5EF4-FFF2-40B4-BE49-F238E27FC236}">
                    <a16:creationId xmlns:a16="http://schemas.microsoft.com/office/drawing/2014/main" id="{1FEC2AF3-FE5D-2FCD-16B7-FAB7715542DA}"/>
                  </a:ext>
                </a:extLst>
              </p:cNvPr>
              <p:cNvSpPr/>
              <p:nvPr/>
            </p:nvSpPr>
            <p:spPr>
              <a:xfrm>
                <a:off x="14331243" y="6094626"/>
                <a:ext cx="287405" cy="346990"/>
              </a:xfrm>
              <a:custGeom>
                <a:avLst/>
                <a:gdLst>
                  <a:gd name="connsiteX0" fmla="*/ 0 w 287405"/>
                  <a:gd name="connsiteY0" fmla="*/ 0 h 346990"/>
                  <a:gd name="connsiteX1" fmla="*/ 287405 w 287405"/>
                  <a:gd name="connsiteY1" fmla="*/ 0 h 346990"/>
                  <a:gd name="connsiteX2" fmla="*/ 287405 w 287405"/>
                  <a:gd name="connsiteY2" fmla="*/ 346991 h 346990"/>
                  <a:gd name="connsiteX3" fmla="*/ 0 w 287405"/>
                  <a:gd name="connsiteY3" fmla="*/ 346991 h 346990"/>
                </a:gdLst>
                <a:ahLst/>
                <a:cxnLst>
                  <a:cxn ang="0">
                    <a:pos x="connsiteX0" y="connsiteY0"/>
                  </a:cxn>
                  <a:cxn ang="0">
                    <a:pos x="connsiteX1" y="connsiteY1"/>
                  </a:cxn>
                  <a:cxn ang="0">
                    <a:pos x="connsiteX2" y="connsiteY2"/>
                  </a:cxn>
                  <a:cxn ang="0">
                    <a:pos x="connsiteX3" y="connsiteY3"/>
                  </a:cxn>
                </a:cxnLst>
                <a:rect l="l" t="t" r="r" b="b"/>
                <a:pathLst>
                  <a:path w="287405" h="346990">
                    <a:moveTo>
                      <a:pt x="0" y="0"/>
                    </a:moveTo>
                    <a:lnTo>
                      <a:pt x="287405" y="0"/>
                    </a:lnTo>
                    <a:lnTo>
                      <a:pt x="287405" y="346991"/>
                    </a:lnTo>
                    <a:lnTo>
                      <a:pt x="0" y="346991"/>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45" name="Freeform: Shape 844">
                <a:extLst>
                  <a:ext uri="{FF2B5EF4-FFF2-40B4-BE49-F238E27FC236}">
                    <a16:creationId xmlns:a16="http://schemas.microsoft.com/office/drawing/2014/main" id="{DCC55C23-F6DB-FF86-36E3-49622F0F9B30}"/>
                  </a:ext>
                </a:extLst>
              </p:cNvPr>
              <p:cNvSpPr/>
              <p:nvPr/>
            </p:nvSpPr>
            <p:spPr>
              <a:xfrm>
                <a:off x="13555871" y="6264508"/>
                <a:ext cx="943986" cy="1245211"/>
              </a:xfrm>
              <a:custGeom>
                <a:avLst/>
                <a:gdLst>
                  <a:gd name="connsiteX0" fmla="*/ 0 w 943986"/>
                  <a:gd name="connsiteY0" fmla="*/ 0 h 1245211"/>
                  <a:gd name="connsiteX1" fmla="*/ 0 w 943986"/>
                  <a:gd name="connsiteY1" fmla="*/ 1245211 h 1245211"/>
                  <a:gd name="connsiteX2" fmla="*/ 367148 w 943986"/>
                  <a:gd name="connsiteY2" fmla="*/ 1245211 h 1245211"/>
                  <a:gd name="connsiteX3" fmla="*/ 943987 w 943986"/>
                  <a:gd name="connsiteY3" fmla="*/ 1245211 h 1245211"/>
                  <a:gd name="connsiteX4" fmla="*/ 943987 w 943986"/>
                  <a:gd name="connsiteY4" fmla="*/ 0 h 1245211"/>
                  <a:gd name="connsiteX5" fmla="*/ 0 w 943986"/>
                  <a:gd name="connsiteY5" fmla="*/ 0 h 1245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43986" h="1245211">
                    <a:moveTo>
                      <a:pt x="0" y="0"/>
                    </a:moveTo>
                    <a:lnTo>
                      <a:pt x="0" y="1245211"/>
                    </a:lnTo>
                    <a:lnTo>
                      <a:pt x="367148" y="1245211"/>
                    </a:lnTo>
                    <a:lnTo>
                      <a:pt x="943987" y="1245211"/>
                    </a:lnTo>
                    <a:lnTo>
                      <a:pt x="943987" y="0"/>
                    </a:lnTo>
                    <a:lnTo>
                      <a:pt x="0"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46" name="Freeform: Shape 845">
                <a:extLst>
                  <a:ext uri="{FF2B5EF4-FFF2-40B4-BE49-F238E27FC236}">
                    <a16:creationId xmlns:a16="http://schemas.microsoft.com/office/drawing/2014/main" id="{997F96E5-EE58-5243-B597-17728BC53A68}"/>
                  </a:ext>
                </a:extLst>
              </p:cNvPr>
              <p:cNvSpPr/>
              <p:nvPr/>
            </p:nvSpPr>
            <p:spPr>
              <a:xfrm>
                <a:off x="14499857" y="6264508"/>
                <a:ext cx="323790" cy="1245211"/>
              </a:xfrm>
              <a:custGeom>
                <a:avLst/>
                <a:gdLst>
                  <a:gd name="connsiteX0" fmla="*/ 323791 w 323790"/>
                  <a:gd name="connsiteY0" fmla="*/ 0 h 1245211"/>
                  <a:gd name="connsiteX1" fmla="*/ 0 w 323790"/>
                  <a:gd name="connsiteY1" fmla="*/ 0 h 1245211"/>
                  <a:gd name="connsiteX2" fmla="*/ 0 w 323790"/>
                  <a:gd name="connsiteY2" fmla="*/ 1245211 h 1245211"/>
                  <a:gd name="connsiteX3" fmla="*/ 323791 w 323790"/>
                  <a:gd name="connsiteY3" fmla="*/ 1245211 h 1245211"/>
                  <a:gd name="connsiteX4" fmla="*/ 323791 w 323790"/>
                  <a:gd name="connsiteY4" fmla="*/ 0 h 124521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3790" h="1245211">
                    <a:moveTo>
                      <a:pt x="323791" y="0"/>
                    </a:moveTo>
                    <a:lnTo>
                      <a:pt x="0" y="0"/>
                    </a:lnTo>
                    <a:lnTo>
                      <a:pt x="0" y="1245211"/>
                    </a:lnTo>
                    <a:lnTo>
                      <a:pt x="323791" y="1245211"/>
                    </a:lnTo>
                    <a:lnTo>
                      <a:pt x="32379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47" name="Freeform: Shape 846">
                <a:extLst>
                  <a:ext uri="{FF2B5EF4-FFF2-40B4-BE49-F238E27FC236}">
                    <a16:creationId xmlns:a16="http://schemas.microsoft.com/office/drawing/2014/main" id="{6170E553-502A-487E-45F7-613E3CA2DCC1}"/>
                  </a:ext>
                </a:extLst>
              </p:cNvPr>
              <p:cNvSpPr/>
              <p:nvPr/>
            </p:nvSpPr>
            <p:spPr>
              <a:xfrm>
                <a:off x="13555871" y="6369734"/>
                <a:ext cx="943986" cy="1343590"/>
              </a:xfrm>
              <a:custGeom>
                <a:avLst/>
                <a:gdLst>
                  <a:gd name="connsiteX0" fmla="*/ 0 w 943986"/>
                  <a:gd name="connsiteY0" fmla="*/ 0 h 1343590"/>
                  <a:gd name="connsiteX1" fmla="*/ 0 w 943986"/>
                  <a:gd name="connsiteY1" fmla="*/ 1343591 h 1343590"/>
                  <a:gd name="connsiteX2" fmla="*/ 367148 w 943986"/>
                  <a:gd name="connsiteY2" fmla="*/ 1343591 h 1343590"/>
                  <a:gd name="connsiteX3" fmla="*/ 943987 w 943986"/>
                  <a:gd name="connsiteY3" fmla="*/ 1343591 h 1343590"/>
                  <a:gd name="connsiteX4" fmla="*/ 943987 w 943986"/>
                  <a:gd name="connsiteY4" fmla="*/ 0 h 1343590"/>
                  <a:gd name="connsiteX5" fmla="*/ 0 w 943986"/>
                  <a:gd name="connsiteY5" fmla="*/ 0 h 1343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43986" h="1343590">
                    <a:moveTo>
                      <a:pt x="0" y="0"/>
                    </a:moveTo>
                    <a:lnTo>
                      <a:pt x="0" y="1343591"/>
                    </a:lnTo>
                    <a:lnTo>
                      <a:pt x="367148" y="1343591"/>
                    </a:lnTo>
                    <a:lnTo>
                      <a:pt x="943987" y="1343591"/>
                    </a:lnTo>
                    <a:lnTo>
                      <a:pt x="943987" y="0"/>
                    </a:lnTo>
                    <a:lnTo>
                      <a:pt x="0"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48" name="Freeform: Shape 847">
                <a:extLst>
                  <a:ext uri="{FF2B5EF4-FFF2-40B4-BE49-F238E27FC236}">
                    <a16:creationId xmlns:a16="http://schemas.microsoft.com/office/drawing/2014/main" id="{B7F4B7CC-7485-4AD9-F12A-A734F26AD2D4}"/>
                  </a:ext>
                </a:extLst>
              </p:cNvPr>
              <p:cNvSpPr/>
              <p:nvPr/>
            </p:nvSpPr>
            <p:spPr>
              <a:xfrm>
                <a:off x="14499857" y="6369734"/>
                <a:ext cx="323790" cy="1343590"/>
              </a:xfrm>
              <a:custGeom>
                <a:avLst/>
                <a:gdLst>
                  <a:gd name="connsiteX0" fmla="*/ 323791 w 323790"/>
                  <a:gd name="connsiteY0" fmla="*/ 0 h 1343590"/>
                  <a:gd name="connsiteX1" fmla="*/ 0 w 323790"/>
                  <a:gd name="connsiteY1" fmla="*/ 0 h 1343590"/>
                  <a:gd name="connsiteX2" fmla="*/ 0 w 323790"/>
                  <a:gd name="connsiteY2" fmla="*/ 1343591 h 1343590"/>
                  <a:gd name="connsiteX3" fmla="*/ 323791 w 323790"/>
                  <a:gd name="connsiteY3" fmla="*/ 1343591 h 1343590"/>
                  <a:gd name="connsiteX4" fmla="*/ 323791 w 323790"/>
                  <a:gd name="connsiteY4" fmla="*/ 0 h 13435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3790" h="1343590">
                    <a:moveTo>
                      <a:pt x="323791" y="0"/>
                    </a:moveTo>
                    <a:lnTo>
                      <a:pt x="0" y="0"/>
                    </a:lnTo>
                    <a:lnTo>
                      <a:pt x="0" y="1343591"/>
                    </a:lnTo>
                    <a:lnTo>
                      <a:pt x="323791" y="1343591"/>
                    </a:lnTo>
                    <a:lnTo>
                      <a:pt x="32379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49" name="Freeform: Shape 848">
                <a:extLst>
                  <a:ext uri="{FF2B5EF4-FFF2-40B4-BE49-F238E27FC236}">
                    <a16:creationId xmlns:a16="http://schemas.microsoft.com/office/drawing/2014/main" id="{14436C91-D71A-3C5F-1017-F60E608DC7F9}"/>
                  </a:ext>
                </a:extLst>
              </p:cNvPr>
              <p:cNvSpPr/>
              <p:nvPr/>
            </p:nvSpPr>
            <p:spPr>
              <a:xfrm>
                <a:off x="13897537" y="7404621"/>
                <a:ext cx="163796" cy="308830"/>
              </a:xfrm>
              <a:custGeom>
                <a:avLst/>
                <a:gdLst>
                  <a:gd name="connsiteX0" fmla="*/ 0 w 163796"/>
                  <a:gd name="connsiteY0" fmla="*/ 0 h 308830"/>
                  <a:gd name="connsiteX1" fmla="*/ 163796 w 163796"/>
                  <a:gd name="connsiteY1" fmla="*/ 0 h 308830"/>
                  <a:gd name="connsiteX2" fmla="*/ 163796 w 163796"/>
                  <a:gd name="connsiteY2" fmla="*/ 308831 h 308830"/>
                  <a:gd name="connsiteX3" fmla="*/ 0 w 163796"/>
                  <a:gd name="connsiteY3" fmla="*/ 308831 h 308830"/>
                </a:gdLst>
                <a:ahLst/>
                <a:cxnLst>
                  <a:cxn ang="0">
                    <a:pos x="connsiteX0" y="connsiteY0"/>
                  </a:cxn>
                  <a:cxn ang="0">
                    <a:pos x="connsiteX1" y="connsiteY1"/>
                  </a:cxn>
                  <a:cxn ang="0">
                    <a:pos x="connsiteX2" y="connsiteY2"/>
                  </a:cxn>
                  <a:cxn ang="0">
                    <a:pos x="connsiteX3" y="connsiteY3"/>
                  </a:cxn>
                </a:cxnLst>
                <a:rect l="l" t="t" r="r" b="b"/>
                <a:pathLst>
                  <a:path w="163796" h="308830">
                    <a:moveTo>
                      <a:pt x="0" y="0"/>
                    </a:moveTo>
                    <a:lnTo>
                      <a:pt x="163796" y="0"/>
                    </a:lnTo>
                    <a:lnTo>
                      <a:pt x="163796" y="308831"/>
                    </a:lnTo>
                    <a:lnTo>
                      <a:pt x="0" y="308831"/>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50" name="Freeform: Shape 849">
                <a:extLst>
                  <a:ext uri="{FF2B5EF4-FFF2-40B4-BE49-F238E27FC236}">
                    <a16:creationId xmlns:a16="http://schemas.microsoft.com/office/drawing/2014/main" id="{E65758E9-21B4-0906-4A79-6F588833E220}"/>
                  </a:ext>
                </a:extLst>
              </p:cNvPr>
              <p:cNvSpPr/>
              <p:nvPr/>
            </p:nvSpPr>
            <p:spPr>
              <a:xfrm>
                <a:off x="13933288" y="7404621"/>
                <a:ext cx="246963" cy="308830"/>
              </a:xfrm>
              <a:custGeom>
                <a:avLst/>
                <a:gdLst>
                  <a:gd name="connsiteX0" fmla="*/ 0 w 246963"/>
                  <a:gd name="connsiteY0" fmla="*/ 0 h 308830"/>
                  <a:gd name="connsiteX1" fmla="*/ 246963 w 246963"/>
                  <a:gd name="connsiteY1" fmla="*/ 0 h 308830"/>
                  <a:gd name="connsiteX2" fmla="*/ 246963 w 246963"/>
                  <a:gd name="connsiteY2" fmla="*/ 308831 h 308830"/>
                  <a:gd name="connsiteX3" fmla="*/ 0 w 246963"/>
                  <a:gd name="connsiteY3" fmla="*/ 308831 h 308830"/>
                </a:gdLst>
                <a:ahLst/>
                <a:cxnLst>
                  <a:cxn ang="0">
                    <a:pos x="connsiteX0" y="connsiteY0"/>
                  </a:cxn>
                  <a:cxn ang="0">
                    <a:pos x="connsiteX1" y="connsiteY1"/>
                  </a:cxn>
                  <a:cxn ang="0">
                    <a:pos x="connsiteX2" y="connsiteY2"/>
                  </a:cxn>
                  <a:cxn ang="0">
                    <a:pos x="connsiteX3" y="connsiteY3"/>
                  </a:cxn>
                </a:cxnLst>
                <a:rect l="l" t="t" r="r" b="b"/>
                <a:pathLst>
                  <a:path w="246963" h="308830">
                    <a:moveTo>
                      <a:pt x="0" y="0"/>
                    </a:moveTo>
                    <a:lnTo>
                      <a:pt x="246963" y="0"/>
                    </a:lnTo>
                    <a:lnTo>
                      <a:pt x="246963" y="308831"/>
                    </a:lnTo>
                    <a:lnTo>
                      <a:pt x="0" y="308831"/>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51" name="Freeform: Shape 850">
                <a:extLst>
                  <a:ext uri="{FF2B5EF4-FFF2-40B4-BE49-F238E27FC236}">
                    <a16:creationId xmlns:a16="http://schemas.microsoft.com/office/drawing/2014/main" id="{FB1765AE-BC4F-F0D3-2FD5-B258E721B78C}"/>
                  </a:ext>
                </a:extLst>
              </p:cNvPr>
              <p:cNvSpPr/>
              <p:nvPr/>
            </p:nvSpPr>
            <p:spPr>
              <a:xfrm>
                <a:off x="14241358" y="7105552"/>
                <a:ext cx="61359" cy="166586"/>
              </a:xfrm>
              <a:custGeom>
                <a:avLst/>
                <a:gdLst>
                  <a:gd name="connsiteX0" fmla="*/ 61360 w 61359"/>
                  <a:gd name="connsiteY0" fmla="*/ 0 h 166586"/>
                  <a:gd name="connsiteX1" fmla="*/ 0 w 61359"/>
                  <a:gd name="connsiteY1" fmla="*/ 0 h 166586"/>
                  <a:gd name="connsiteX2" fmla="*/ 0 w 61359"/>
                  <a:gd name="connsiteY2" fmla="*/ 166586 h 166586"/>
                  <a:gd name="connsiteX3" fmla="*/ 61360 w 61359"/>
                  <a:gd name="connsiteY3" fmla="*/ 166586 h 166586"/>
                  <a:gd name="connsiteX4" fmla="*/ 61360 w 61359"/>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59" h="166586">
                    <a:moveTo>
                      <a:pt x="61360" y="0"/>
                    </a:moveTo>
                    <a:lnTo>
                      <a:pt x="0" y="0"/>
                    </a:lnTo>
                    <a:lnTo>
                      <a:pt x="0" y="166586"/>
                    </a:lnTo>
                    <a:lnTo>
                      <a:pt x="61360" y="166586"/>
                    </a:lnTo>
                    <a:lnTo>
                      <a:pt x="61360"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52" name="Freeform: Shape 851">
                <a:extLst>
                  <a:ext uri="{FF2B5EF4-FFF2-40B4-BE49-F238E27FC236}">
                    <a16:creationId xmlns:a16="http://schemas.microsoft.com/office/drawing/2014/main" id="{D1120AD6-01B7-4A5F-622E-1CEA991535ED}"/>
                  </a:ext>
                </a:extLst>
              </p:cNvPr>
              <p:cNvSpPr/>
              <p:nvPr/>
            </p:nvSpPr>
            <p:spPr>
              <a:xfrm>
                <a:off x="13758461" y="7105552"/>
                <a:ext cx="61360" cy="166586"/>
              </a:xfrm>
              <a:custGeom>
                <a:avLst/>
                <a:gdLst>
                  <a:gd name="connsiteX0" fmla="*/ 61361 w 61360"/>
                  <a:gd name="connsiteY0" fmla="*/ 0 h 166586"/>
                  <a:gd name="connsiteX1" fmla="*/ 0 w 61360"/>
                  <a:gd name="connsiteY1" fmla="*/ 0 h 166586"/>
                  <a:gd name="connsiteX2" fmla="*/ 0 w 61360"/>
                  <a:gd name="connsiteY2" fmla="*/ 166586 h 166586"/>
                  <a:gd name="connsiteX3" fmla="*/ 61361 w 61360"/>
                  <a:gd name="connsiteY3" fmla="*/ 166586 h 166586"/>
                  <a:gd name="connsiteX4" fmla="*/ 61361 w 61360"/>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66586">
                    <a:moveTo>
                      <a:pt x="61361" y="0"/>
                    </a:moveTo>
                    <a:lnTo>
                      <a:pt x="0" y="0"/>
                    </a:lnTo>
                    <a:lnTo>
                      <a:pt x="0" y="166586"/>
                    </a:lnTo>
                    <a:lnTo>
                      <a:pt x="61361" y="166586"/>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53" name="Freeform: Shape 852">
                <a:extLst>
                  <a:ext uri="{FF2B5EF4-FFF2-40B4-BE49-F238E27FC236}">
                    <a16:creationId xmlns:a16="http://schemas.microsoft.com/office/drawing/2014/main" id="{103B4EEF-5FD8-4E66-3566-D5FD29F91E20}"/>
                  </a:ext>
                </a:extLst>
              </p:cNvPr>
              <p:cNvSpPr/>
              <p:nvPr/>
            </p:nvSpPr>
            <p:spPr>
              <a:xfrm>
                <a:off x="14241358" y="6803440"/>
                <a:ext cx="61359" cy="166712"/>
              </a:xfrm>
              <a:custGeom>
                <a:avLst/>
                <a:gdLst>
                  <a:gd name="connsiteX0" fmla="*/ 61360 w 61359"/>
                  <a:gd name="connsiteY0" fmla="*/ 0 h 166712"/>
                  <a:gd name="connsiteX1" fmla="*/ 0 w 61359"/>
                  <a:gd name="connsiteY1" fmla="*/ 0 h 166712"/>
                  <a:gd name="connsiteX2" fmla="*/ 0 w 61359"/>
                  <a:gd name="connsiteY2" fmla="*/ 166713 h 166712"/>
                  <a:gd name="connsiteX3" fmla="*/ 61360 w 61359"/>
                  <a:gd name="connsiteY3" fmla="*/ 166713 h 166712"/>
                  <a:gd name="connsiteX4" fmla="*/ 61360 w 61359"/>
                  <a:gd name="connsiteY4" fmla="*/ 0 h 1667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59" h="166712">
                    <a:moveTo>
                      <a:pt x="61360" y="0"/>
                    </a:moveTo>
                    <a:lnTo>
                      <a:pt x="0" y="0"/>
                    </a:lnTo>
                    <a:lnTo>
                      <a:pt x="0" y="166713"/>
                    </a:lnTo>
                    <a:lnTo>
                      <a:pt x="61360" y="166713"/>
                    </a:lnTo>
                    <a:lnTo>
                      <a:pt x="61360"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54" name="Freeform: Shape 853">
                <a:extLst>
                  <a:ext uri="{FF2B5EF4-FFF2-40B4-BE49-F238E27FC236}">
                    <a16:creationId xmlns:a16="http://schemas.microsoft.com/office/drawing/2014/main" id="{70EA277A-F6D5-2E2A-E082-473BB6BC67F4}"/>
                  </a:ext>
                </a:extLst>
              </p:cNvPr>
              <p:cNvSpPr/>
              <p:nvPr/>
            </p:nvSpPr>
            <p:spPr>
              <a:xfrm>
                <a:off x="13758461" y="6803440"/>
                <a:ext cx="61360" cy="166712"/>
              </a:xfrm>
              <a:custGeom>
                <a:avLst/>
                <a:gdLst>
                  <a:gd name="connsiteX0" fmla="*/ 61361 w 61360"/>
                  <a:gd name="connsiteY0" fmla="*/ 0 h 166712"/>
                  <a:gd name="connsiteX1" fmla="*/ 0 w 61360"/>
                  <a:gd name="connsiteY1" fmla="*/ 0 h 166712"/>
                  <a:gd name="connsiteX2" fmla="*/ 0 w 61360"/>
                  <a:gd name="connsiteY2" fmla="*/ 166713 h 166712"/>
                  <a:gd name="connsiteX3" fmla="*/ 61361 w 61360"/>
                  <a:gd name="connsiteY3" fmla="*/ 166713 h 166712"/>
                  <a:gd name="connsiteX4" fmla="*/ 61361 w 61360"/>
                  <a:gd name="connsiteY4" fmla="*/ 0 h 1667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66712">
                    <a:moveTo>
                      <a:pt x="61361" y="0"/>
                    </a:moveTo>
                    <a:lnTo>
                      <a:pt x="0" y="0"/>
                    </a:lnTo>
                    <a:lnTo>
                      <a:pt x="0" y="166713"/>
                    </a:lnTo>
                    <a:lnTo>
                      <a:pt x="61361" y="166713"/>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55" name="Freeform: Shape 854">
                <a:extLst>
                  <a:ext uri="{FF2B5EF4-FFF2-40B4-BE49-F238E27FC236}">
                    <a16:creationId xmlns:a16="http://schemas.microsoft.com/office/drawing/2014/main" id="{DC2D0BA5-6763-D46B-52A4-385989574647}"/>
                  </a:ext>
                </a:extLst>
              </p:cNvPr>
              <p:cNvSpPr/>
              <p:nvPr/>
            </p:nvSpPr>
            <p:spPr>
              <a:xfrm>
                <a:off x="14241358" y="6501456"/>
                <a:ext cx="61359" cy="166586"/>
              </a:xfrm>
              <a:custGeom>
                <a:avLst/>
                <a:gdLst>
                  <a:gd name="connsiteX0" fmla="*/ 61360 w 61359"/>
                  <a:gd name="connsiteY0" fmla="*/ 0 h 166586"/>
                  <a:gd name="connsiteX1" fmla="*/ 0 w 61359"/>
                  <a:gd name="connsiteY1" fmla="*/ 0 h 166586"/>
                  <a:gd name="connsiteX2" fmla="*/ 0 w 61359"/>
                  <a:gd name="connsiteY2" fmla="*/ 166586 h 166586"/>
                  <a:gd name="connsiteX3" fmla="*/ 61360 w 61359"/>
                  <a:gd name="connsiteY3" fmla="*/ 166586 h 166586"/>
                  <a:gd name="connsiteX4" fmla="*/ 61360 w 61359"/>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59" h="166586">
                    <a:moveTo>
                      <a:pt x="61360" y="0"/>
                    </a:moveTo>
                    <a:lnTo>
                      <a:pt x="0" y="0"/>
                    </a:lnTo>
                    <a:lnTo>
                      <a:pt x="0" y="166586"/>
                    </a:lnTo>
                    <a:lnTo>
                      <a:pt x="61360" y="166586"/>
                    </a:lnTo>
                    <a:lnTo>
                      <a:pt x="61360"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56" name="Freeform: Shape 855">
                <a:extLst>
                  <a:ext uri="{FF2B5EF4-FFF2-40B4-BE49-F238E27FC236}">
                    <a16:creationId xmlns:a16="http://schemas.microsoft.com/office/drawing/2014/main" id="{CF903D57-CA7C-F096-DC49-16E1554EDA41}"/>
                  </a:ext>
                </a:extLst>
              </p:cNvPr>
              <p:cNvSpPr/>
              <p:nvPr/>
            </p:nvSpPr>
            <p:spPr>
              <a:xfrm>
                <a:off x="13758461" y="6501456"/>
                <a:ext cx="61360" cy="166586"/>
              </a:xfrm>
              <a:custGeom>
                <a:avLst/>
                <a:gdLst>
                  <a:gd name="connsiteX0" fmla="*/ 61361 w 61360"/>
                  <a:gd name="connsiteY0" fmla="*/ 0 h 166586"/>
                  <a:gd name="connsiteX1" fmla="*/ 0 w 61360"/>
                  <a:gd name="connsiteY1" fmla="*/ 0 h 166586"/>
                  <a:gd name="connsiteX2" fmla="*/ 0 w 61360"/>
                  <a:gd name="connsiteY2" fmla="*/ 166586 h 166586"/>
                  <a:gd name="connsiteX3" fmla="*/ 61361 w 61360"/>
                  <a:gd name="connsiteY3" fmla="*/ 166586 h 166586"/>
                  <a:gd name="connsiteX4" fmla="*/ 61361 w 61360"/>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66586">
                    <a:moveTo>
                      <a:pt x="61361" y="0"/>
                    </a:moveTo>
                    <a:lnTo>
                      <a:pt x="0" y="0"/>
                    </a:lnTo>
                    <a:lnTo>
                      <a:pt x="0" y="166586"/>
                    </a:lnTo>
                    <a:lnTo>
                      <a:pt x="61361" y="166586"/>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57" name="Freeform: Shape 856">
                <a:extLst>
                  <a:ext uri="{FF2B5EF4-FFF2-40B4-BE49-F238E27FC236}">
                    <a16:creationId xmlns:a16="http://schemas.microsoft.com/office/drawing/2014/main" id="{6D6F793C-FF8E-D1AB-0B88-FDC4C695C679}"/>
                  </a:ext>
                </a:extLst>
              </p:cNvPr>
              <p:cNvSpPr/>
              <p:nvPr/>
            </p:nvSpPr>
            <p:spPr>
              <a:xfrm>
                <a:off x="14362050" y="7420468"/>
                <a:ext cx="61360" cy="117903"/>
              </a:xfrm>
              <a:custGeom>
                <a:avLst/>
                <a:gdLst>
                  <a:gd name="connsiteX0" fmla="*/ 61361 w 61360"/>
                  <a:gd name="connsiteY0" fmla="*/ 0 h 117903"/>
                  <a:gd name="connsiteX1" fmla="*/ 0 w 61360"/>
                  <a:gd name="connsiteY1" fmla="*/ 0 h 117903"/>
                  <a:gd name="connsiteX2" fmla="*/ 0 w 61360"/>
                  <a:gd name="connsiteY2" fmla="*/ 117903 h 117903"/>
                  <a:gd name="connsiteX3" fmla="*/ 61361 w 61360"/>
                  <a:gd name="connsiteY3" fmla="*/ 117903 h 117903"/>
                  <a:gd name="connsiteX4" fmla="*/ 61361 w 61360"/>
                  <a:gd name="connsiteY4" fmla="*/ 0 h 117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17903">
                    <a:moveTo>
                      <a:pt x="61361" y="0"/>
                    </a:moveTo>
                    <a:lnTo>
                      <a:pt x="0" y="0"/>
                    </a:lnTo>
                    <a:lnTo>
                      <a:pt x="0" y="117903"/>
                    </a:lnTo>
                    <a:lnTo>
                      <a:pt x="61361" y="117903"/>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58" name="Freeform: Shape 857">
                <a:extLst>
                  <a:ext uri="{FF2B5EF4-FFF2-40B4-BE49-F238E27FC236}">
                    <a16:creationId xmlns:a16="http://schemas.microsoft.com/office/drawing/2014/main" id="{4EBEF50F-614D-5FDE-D81D-43BB0B8E5530}"/>
                  </a:ext>
                </a:extLst>
              </p:cNvPr>
              <p:cNvSpPr/>
              <p:nvPr/>
            </p:nvSpPr>
            <p:spPr>
              <a:xfrm>
                <a:off x="14241358" y="7420468"/>
                <a:ext cx="61233" cy="117903"/>
              </a:xfrm>
              <a:custGeom>
                <a:avLst/>
                <a:gdLst>
                  <a:gd name="connsiteX0" fmla="*/ 61233 w 61233"/>
                  <a:gd name="connsiteY0" fmla="*/ 0 h 117903"/>
                  <a:gd name="connsiteX1" fmla="*/ 0 w 61233"/>
                  <a:gd name="connsiteY1" fmla="*/ 0 h 117903"/>
                  <a:gd name="connsiteX2" fmla="*/ 0 w 61233"/>
                  <a:gd name="connsiteY2" fmla="*/ 117903 h 117903"/>
                  <a:gd name="connsiteX3" fmla="*/ 61233 w 61233"/>
                  <a:gd name="connsiteY3" fmla="*/ 117903 h 117903"/>
                  <a:gd name="connsiteX4" fmla="*/ 61233 w 61233"/>
                  <a:gd name="connsiteY4" fmla="*/ 0 h 117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233" h="117903">
                    <a:moveTo>
                      <a:pt x="61233" y="0"/>
                    </a:moveTo>
                    <a:lnTo>
                      <a:pt x="0" y="0"/>
                    </a:lnTo>
                    <a:lnTo>
                      <a:pt x="0" y="117903"/>
                    </a:lnTo>
                    <a:lnTo>
                      <a:pt x="61233" y="117903"/>
                    </a:lnTo>
                    <a:lnTo>
                      <a:pt x="61233"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59" name="Freeform: Shape 858">
                <a:extLst>
                  <a:ext uri="{FF2B5EF4-FFF2-40B4-BE49-F238E27FC236}">
                    <a16:creationId xmlns:a16="http://schemas.microsoft.com/office/drawing/2014/main" id="{8C6A9B38-A1FA-141B-E401-CBD67B68975A}"/>
                  </a:ext>
                </a:extLst>
              </p:cNvPr>
              <p:cNvSpPr/>
              <p:nvPr/>
            </p:nvSpPr>
            <p:spPr>
              <a:xfrm>
                <a:off x="13758461" y="7420468"/>
                <a:ext cx="61360" cy="117903"/>
              </a:xfrm>
              <a:custGeom>
                <a:avLst/>
                <a:gdLst>
                  <a:gd name="connsiteX0" fmla="*/ 61361 w 61360"/>
                  <a:gd name="connsiteY0" fmla="*/ 0 h 117903"/>
                  <a:gd name="connsiteX1" fmla="*/ 0 w 61360"/>
                  <a:gd name="connsiteY1" fmla="*/ 0 h 117903"/>
                  <a:gd name="connsiteX2" fmla="*/ 0 w 61360"/>
                  <a:gd name="connsiteY2" fmla="*/ 117903 h 117903"/>
                  <a:gd name="connsiteX3" fmla="*/ 61361 w 61360"/>
                  <a:gd name="connsiteY3" fmla="*/ 117903 h 117903"/>
                  <a:gd name="connsiteX4" fmla="*/ 61361 w 61360"/>
                  <a:gd name="connsiteY4" fmla="*/ 0 h 117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17903">
                    <a:moveTo>
                      <a:pt x="61361" y="0"/>
                    </a:moveTo>
                    <a:lnTo>
                      <a:pt x="0" y="0"/>
                    </a:lnTo>
                    <a:lnTo>
                      <a:pt x="0" y="117903"/>
                    </a:lnTo>
                    <a:lnTo>
                      <a:pt x="61361" y="117903"/>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60" name="Freeform: Shape 859">
                <a:extLst>
                  <a:ext uri="{FF2B5EF4-FFF2-40B4-BE49-F238E27FC236}">
                    <a16:creationId xmlns:a16="http://schemas.microsoft.com/office/drawing/2014/main" id="{26F463B9-1A77-DC72-CFED-14EE827E0050}"/>
                  </a:ext>
                </a:extLst>
              </p:cNvPr>
              <p:cNvSpPr/>
              <p:nvPr/>
            </p:nvSpPr>
            <p:spPr>
              <a:xfrm>
                <a:off x="13637769" y="7420468"/>
                <a:ext cx="61360" cy="117903"/>
              </a:xfrm>
              <a:custGeom>
                <a:avLst/>
                <a:gdLst>
                  <a:gd name="connsiteX0" fmla="*/ 61361 w 61360"/>
                  <a:gd name="connsiteY0" fmla="*/ 0 h 117903"/>
                  <a:gd name="connsiteX1" fmla="*/ 0 w 61360"/>
                  <a:gd name="connsiteY1" fmla="*/ 0 h 117903"/>
                  <a:gd name="connsiteX2" fmla="*/ 0 w 61360"/>
                  <a:gd name="connsiteY2" fmla="*/ 117903 h 117903"/>
                  <a:gd name="connsiteX3" fmla="*/ 61361 w 61360"/>
                  <a:gd name="connsiteY3" fmla="*/ 117903 h 117903"/>
                  <a:gd name="connsiteX4" fmla="*/ 61361 w 61360"/>
                  <a:gd name="connsiteY4" fmla="*/ 0 h 117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17903">
                    <a:moveTo>
                      <a:pt x="61361" y="0"/>
                    </a:moveTo>
                    <a:lnTo>
                      <a:pt x="0" y="0"/>
                    </a:lnTo>
                    <a:lnTo>
                      <a:pt x="0" y="117903"/>
                    </a:lnTo>
                    <a:lnTo>
                      <a:pt x="61361" y="117903"/>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61" name="Freeform: Shape 860">
                <a:extLst>
                  <a:ext uri="{FF2B5EF4-FFF2-40B4-BE49-F238E27FC236}">
                    <a16:creationId xmlns:a16="http://schemas.microsoft.com/office/drawing/2014/main" id="{1A161B6C-8640-4C92-97B5-32CFCC9AF5A7}"/>
                  </a:ext>
                </a:extLst>
              </p:cNvPr>
              <p:cNvSpPr/>
              <p:nvPr/>
            </p:nvSpPr>
            <p:spPr>
              <a:xfrm>
                <a:off x="14362050" y="7105552"/>
                <a:ext cx="61360" cy="166586"/>
              </a:xfrm>
              <a:custGeom>
                <a:avLst/>
                <a:gdLst>
                  <a:gd name="connsiteX0" fmla="*/ 61361 w 61360"/>
                  <a:gd name="connsiteY0" fmla="*/ 0 h 166586"/>
                  <a:gd name="connsiteX1" fmla="*/ 0 w 61360"/>
                  <a:gd name="connsiteY1" fmla="*/ 0 h 166586"/>
                  <a:gd name="connsiteX2" fmla="*/ 0 w 61360"/>
                  <a:gd name="connsiteY2" fmla="*/ 166586 h 166586"/>
                  <a:gd name="connsiteX3" fmla="*/ 61361 w 61360"/>
                  <a:gd name="connsiteY3" fmla="*/ 166586 h 166586"/>
                  <a:gd name="connsiteX4" fmla="*/ 61361 w 61360"/>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66586">
                    <a:moveTo>
                      <a:pt x="61361" y="0"/>
                    </a:moveTo>
                    <a:lnTo>
                      <a:pt x="0" y="0"/>
                    </a:lnTo>
                    <a:lnTo>
                      <a:pt x="0" y="166586"/>
                    </a:lnTo>
                    <a:lnTo>
                      <a:pt x="61361" y="166586"/>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62" name="Freeform: Shape 861">
                <a:extLst>
                  <a:ext uri="{FF2B5EF4-FFF2-40B4-BE49-F238E27FC236}">
                    <a16:creationId xmlns:a16="http://schemas.microsoft.com/office/drawing/2014/main" id="{7504B2B9-144E-D564-4653-145EB58DDF7D}"/>
                  </a:ext>
                </a:extLst>
              </p:cNvPr>
              <p:cNvSpPr/>
              <p:nvPr/>
            </p:nvSpPr>
            <p:spPr>
              <a:xfrm>
                <a:off x="14120665" y="7105552"/>
                <a:ext cx="61233" cy="166586"/>
              </a:xfrm>
              <a:custGeom>
                <a:avLst/>
                <a:gdLst>
                  <a:gd name="connsiteX0" fmla="*/ 61234 w 61233"/>
                  <a:gd name="connsiteY0" fmla="*/ 0 h 166586"/>
                  <a:gd name="connsiteX1" fmla="*/ 0 w 61233"/>
                  <a:gd name="connsiteY1" fmla="*/ 0 h 166586"/>
                  <a:gd name="connsiteX2" fmla="*/ 0 w 61233"/>
                  <a:gd name="connsiteY2" fmla="*/ 166586 h 166586"/>
                  <a:gd name="connsiteX3" fmla="*/ 61234 w 61233"/>
                  <a:gd name="connsiteY3" fmla="*/ 166586 h 166586"/>
                  <a:gd name="connsiteX4" fmla="*/ 61234 w 61233"/>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233" h="166586">
                    <a:moveTo>
                      <a:pt x="61234" y="0"/>
                    </a:moveTo>
                    <a:lnTo>
                      <a:pt x="0" y="0"/>
                    </a:lnTo>
                    <a:lnTo>
                      <a:pt x="0" y="166586"/>
                    </a:lnTo>
                    <a:lnTo>
                      <a:pt x="61234" y="166586"/>
                    </a:lnTo>
                    <a:lnTo>
                      <a:pt x="61234"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63" name="Freeform: Shape 862">
                <a:extLst>
                  <a:ext uri="{FF2B5EF4-FFF2-40B4-BE49-F238E27FC236}">
                    <a16:creationId xmlns:a16="http://schemas.microsoft.com/office/drawing/2014/main" id="{97D2BEB1-29AA-EAE8-AB43-061B080015EE}"/>
                  </a:ext>
                </a:extLst>
              </p:cNvPr>
              <p:cNvSpPr/>
              <p:nvPr/>
            </p:nvSpPr>
            <p:spPr>
              <a:xfrm>
                <a:off x="13999973" y="7105552"/>
                <a:ext cx="61233" cy="166586"/>
              </a:xfrm>
              <a:custGeom>
                <a:avLst/>
                <a:gdLst>
                  <a:gd name="connsiteX0" fmla="*/ 61234 w 61233"/>
                  <a:gd name="connsiteY0" fmla="*/ 0 h 166586"/>
                  <a:gd name="connsiteX1" fmla="*/ 0 w 61233"/>
                  <a:gd name="connsiteY1" fmla="*/ 0 h 166586"/>
                  <a:gd name="connsiteX2" fmla="*/ 0 w 61233"/>
                  <a:gd name="connsiteY2" fmla="*/ 166586 h 166586"/>
                  <a:gd name="connsiteX3" fmla="*/ 61234 w 61233"/>
                  <a:gd name="connsiteY3" fmla="*/ 166586 h 166586"/>
                  <a:gd name="connsiteX4" fmla="*/ 61234 w 61233"/>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233" h="166586">
                    <a:moveTo>
                      <a:pt x="61234" y="0"/>
                    </a:moveTo>
                    <a:lnTo>
                      <a:pt x="0" y="0"/>
                    </a:lnTo>
                    <a:lnTo>
                      <a:pt x="0" y="166586"/>
                    </a:lnTo>
                    <a:lnTo>
                      <a:pt x="61234" y="166586"/>
                    </a:lnTo>
                    <a:lnTo>
                      <a:pt x="61234"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64" name="Freeform: Shape 863">
                <a:extLst>
                  <a:ext uri="{FF2B5EF4-FFF2-40B4-BE49-F238E27FC236}">
                    <a16:creationId xmlns:a16="http://schemas.microsoft.com/office/drawing/2014/main" id="{77F398E9-7FD2-A392-A2E5-023C96AC677A}"/>
                  </a:ext>
                </a:extLst>
              </p:cNvPr>
              <p:cNvSpPr/>
              <p:nvPr/>
            </p:nvSpPr>
            <p:spPr>
              <a:xfrm>
                <a:off x="13879154" y="7105552"/>
                <a:ext cx="61359" cy="166586"/>
              </a:xfrm>
              <a:custGeom>
                <a:avLst/>
                <a:gdLst>
                  <a:gd name="connsiteX0" fmla="*/ 61360 w 61359"/>
                  <a:gd name="connsiteY0" fmla="*/ 0 h 166586"/>
                  <a:gd name="connsiteX1" fmla="*/ 0 w 61359"/>
                  <a:gd name="connsiteY1" fmla="*/ 0 h 166586"/>
                  <a:gd name="connsiteX2" fmla="*/ 0 w 61359"/>
                  <a:gd name="connsiteY2" fmla="*/ 166586 h 166586"/>
                  <a:gd name="connsiteX3" fmla="*/ 61360 w 61359"/>
                  <a:gd name="connsiteY3" fmla="*/ 166586 h 166586"/>
                  <a:gd name="connsiteX4" fmla="*/ 61360 w 61359"/>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59" h="166586">
                    <a:moveTo>
                      <a:pt x="61360" y="0"/>
                    </a:moveTo>
                    <a:lnTo>
                      <a:pt x="0" y="0"/>
                    </a:lnTo>
                    <a:lnTo>
                      <a:pt x="0" y="166586"/>
                    </a:lnTo>
                    <a:lnTo>
                      <a:pt x="61360" y="166586"/>
                    </a:lnTo>
                    <a:lnTo>
                      <a:pt x="61360"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65" name="Freeform: Shape 864">
                <a:extLst>
                  <a:ext uri="{FF2B5EF4-FFF2-40B4-BE49-F238E27FC236}">
                    <a16:creationId xmlns:a16="http://schemas.microsoft.com/office/drawing/2014/main" id="{083B6F8A-5FBF-C8B5-E2BA-D1A637F33DA3}"/>
                  </a:ext>
                </a:extLst>
              </p:cNvPr>
              <p:cNvSpPr/>
              <p:nvPr/>
            </p:nvSpPr>
            <p:spPr>
              <a:xfrm>
                <a:off x="13637769" y="7105552"/>
                <a:ext cx="61360" cy="166586"/>
              </a:xfrm>
              <a:custGeom>
                <a:avLst/>
                <a:gdLst>
                  <a:gd name="connsiteX0" fmla="*/ 61361 w 61360"/>
                  <a:gd name="connsiteY0" fmla="*/ 0 h 166586"/>
                  <a:gd name="connsiteX1" fmla="*/ 0 w 61360"/>
                  <a:gd name="connsiteY1" fmla="*/ 0 h 166586"/>
                  <a:gd name="connsiteX2" fmla="*/ 0 w 61360"/>
                  <a:gd name="connsiteY2" fmla="*/ 166586 h 166586"/>
                  <a:gd name="connsiteX3" fmla="*/ 61361 w 61360"/>
                  <a:gd name="connsiteY3" fmla="*/ 166586 h 166586"/>
                  <a:gd name="connsiteX4" fmla="*/ 61361 w 61360"/>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66586">
                    <a:moveTo>
                      <a:pt x="61361" y="0"/>
                    </a:moveTo>
                    <a:lnTo>
                      <a:pt x="0" y="0"/>
                    </a:lnTo>
                    <a:lnTo>
                      <a:pt x="0" y="166586"/>
                    </a:lnTo>
                    <a:lnTo>
                      <a:pt x="61361" y="166586"/>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66" name="Freeform: Shape 865">
                <a:extLst>
                  <a:ext uri="{FF2B5EF4-FFF2-40B4-BE49-F238E27FC236}">
                    <a16:creationId xmlns:a16="http://schemas.microsoft.com/office/drawing/2014/main" id="{B0EC52E7-D696-F1AE-9131-623D5D6A7189}"/>
                  </a:ext>
                </a:extLst>
              </p:cNvPr>
              <p:cNvSpPr/>
              <p:nvPr/>
            </p:nvSpPr>
            <p:spPr>
              <a:xfrm>
                <a:off x="14362050" y="6803440"/>
                <a:ext cx="61360" cy="166712"/>
              </a:xfrm>
              <a:custGeom>
                <a:avLst/>
                <a:gdLst>
                  <a:gd name="connsiteX0" fmla="*/ 61361 w 61360"/>
                  <a:gd name="connsiteY0" fmla="*/ 0 h 166712"/>
                  <a:gd name="connsiteX1" fmla="*/ 0 w 61360"/>
                  <a:gd name="connsiteY1" fmla="*/ 0 h 166712"/>
                  <a:gd name="connsiteX2" fmla="*/ 0 w 61360"/>
                  <a:gd name="connsiteY2" fmla="*/ 166713 h 166712"/>
                  <a:gd name="connsiteX3" fmla="*/ 61361 w 61360"/>
                  <a:gd name="connsiteY3" fmla="*/ 166713 h 166712"/>
                  <a:gd name="connsiteX4" fmla="*/ 61361 w 61360"/>
                  <a:gd name="connsiteY4" fmla="*/ 0 h 1667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66712">
                    <a:moveTo>
                      <a:pt x="61361" y="0"/>
                    </a:moveTo>
                    <a:lnTo>
                      <a:pt x="0" y="0"/>
                    </a:lnTo>
                    <a:lnTo>
                      <a:pt x="0" y="166713"/>
                    </a:lnTo>
                    <a:lnTo>
                      <a:pt x="61361" y="166713"/>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67" name="Freeform: Shape 866">
                <a:extLst>
                  <a:ext uri="{FF2B5EF4-FFF2-40B4-BE49-F238E27FC236}">
                    <a16:creationId xmlns:a16="http://schemas.microsoft.com/office/drawing/2014/main" id="{689A8A90-E3B6-8C2B-95AB-AB3D34B3AF42}"/>
                  </a:ext>
                </a:extLst>
              </p:cNvPr>
              <p:cNvSpPr/>
              <p:nvPr/>
            </p:nvSpPr>
            <p:spPr>
              <a:xfrm>
                <a:off x="14120665" y="6803440"/>
                <a:ext cx="61233" cy="166712"/>
              </a:xfrm>
              <a:custGeom>
                <a:avLst/>
                <a:gdLst>
                  <a:gd name="connsiteX0" fmla="*/ 61234 w 61233"/>
                  <a:gd name="connsiteY0" fmla="*/ 0 h 166712"/>
                  <a:gd name="connsiteX1" fmla="*/ 0 w 61233"/>
                  <a:gd name="connsiteY1" fmla="*/ 0 h 166712"/>
                  <a:gd name="connsiteX2" fmla="*/ 0 w 61233"/>
                  <a:gd name="connsiteY2" fmla="*/ 166713 h 166712"/>
                  <a:gd name="connsiteX3" fmla="*/ 61234 w 61233"/>
                  <a:gd name="connsiteY3" fmla="*/ 166713 h 166712"/>
                  <a:gd name="connsiteX4" fmla="*/ 61234 w 61233"/>
                  <a:gd name="connsiteY4" fmla="*/ 0 h 1667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233" h="166712">
                    <a:moveTo>
                      <a:pt x="61234" y="0"/>
                    </a:moveTo>
                    <a:lnTo>
                      <a:pt x="0" y="0"/>
                    </a:lnTo>
                    <a:lnTo>
                      <a:pt x="0" y="166713"/>
                    </a:lnTo>
                    <a:lnTo>
                      <a:pt x="61234" y="166713"/>
                    </a:lnTo>
                    <a:lnTo>
                      <a:pt x="61234"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68" name="Freeform: Shape 867">
                <a:extLst>
                  <a:ext uri="{FF2B5EF4-FFF2-40B4-BE49-F238E27FC236}">
                    <a16:creationId xmlns:a16="http://schemas.microsoft.com/office/drawing/2014/main" id="{27F3B28C-2F5E-B10A-CFDA-9B68A09BD9EB}"/>
                  </a:ext>
                </a:extLst>
              </p:cNvPr>
              <p:cNvSpPr/>
              <p:nvPr/>
            </p:nvSpPr>
            <p:spPr>
              <a:xfrm>
                <a:off x="13999973" y="6803440"/>
                <a:ext cx="61233" cy="166712"/>
              </a:xfrm>
              <a:custGeom>
                <a:avLst/>
                <a:gdLst>
                  <a:gd name="connsiteX0" fmla="*/ 61234 w 61233"/>
                  <a:gd name="connsiteY0" fmla="*/ 0 h 166712"/>
                  <a:gd name="connsiteX1" fmla="*/ 0 w 61233"/>
                  <a:gd name="connsiteY1" fmla="*/ 0 h 166712"/>
                  <a:gd name="connsiteX2" fmla="*/ 0 w 61233"/>
                  <a:gd name="connsiteY2" fmla="*/ 166713 h 166712"/>
                  <a:gd name="connsiteX3" fmla="*/ 61234 w 61233"/>
                  <a:gd name="connsiteY3" fmla="*/ 166713 h 166712"/>
                  <a:gd name="connsiteX4" fmla="*/ 61234 w 61233"/>
                  <a:gd name="connsiteY4" fmla="*/ 0 h 1667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233" h="166712">
                    <a:moveTo>
                      <a:pt x="61234" y="0"/>
                    </a:moveTo>
                    <a:lnTo>
                      <a:pt x="0" y="0"/>
                    </a:lnTo>
                    <a:lnTo>
                      <a:pt x="0" y="166713"/>
                    </a:lnTo>
                    <a:lnTo>
                      <a:pt x="61234" y="166713"/>
                    </a:lnTo>
                    <a:lnTo>
                      <a:pt x="61234"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69" name="Freeform: Shape 868">
                <a:extLst>
                  <a:ext uri="{FF2B5EF4-FFF2-40B4-BE49-F238E27FC236}">
                    <a16:creationId xmlns:a16="http://schemas.microsoft.com/office/drawing/2014/main" id="{CF74F2C2-7939-23DA-CAC5-A6E202335D6F}"/>
                  </a:ext>
                </a:extLst>
              </p:cNvPr>
              <p:cNvSpPr/>
              <p:nvPr/>
            </p:nvSpPr>
            <p:spPr>
              <a:xfrm>
                <a:off x="13879154" y="6803440"/>
                <a:ext cx="61359" cy="166712"/>
              </a:xfrm>
              <a:custGeom>
                <a:avLst/>
                <a:gdLst>
                  <a:gd name="connsiteX0" fmla="*/ 61360 w 61359"/>
                  <a:gd name="connsiteY0" fmla="*/ 0 h 166712"/>
                  <a:gd name="connsiteX1" fmla="*/ 0 w 61359"/>
                  <a:gd name="connsiteY1" fmla="*/ 0 h 166712"/>
                  <a:gd name="connsiteX2" fmla="*/ 0 w 61359"/>
                  <a:gd name="connsiteY2" fmla="*/ 166713 h 166712"/>
                  <a:gd name="connsiteX3" fmla="*/ 61360 w 61359"/>
                  <a:gd name="connsiteY3" fmla="*/ 166713 h 166712"/>
                  <a:gd name="connsiteX4" fmla="*/ 61360 w 61359"/>
                  <a:gd name="connsiteY4" fmla="*/ 0 h 1667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59" h="166712">
                    <a:moveTo>
                      <a:pt x="61360" y="0"/>
                    </a:moveTo>
                    <a:lnTo>
                      <a:pt x="0" y="0"/>
                    </a:lnTo>
                    <a:lnTo>
                      <a:pt x="0" y="166713"/>
                    </a:lnTo>
                    <a:lnTo>
                      <a:pt x="61360" y="166713"/>
                    </a:lnTo>
                    <a:lnTo>
                      <a:pt x="61360"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70" name="Freeform: Shape 869">
                <a:extLst>
                  <a:ext uri="{FF2B5EF4-FFF2-40B4-BE49-F238E27FC236}">
                    <a16:creationId xmlns:a16="http://schemas.microsoft.com/office/drawing/2014/main" id="{FF6EF6E6-1ACF-89E8-7E07-EA87DA020445}"/>
                  </a:ext>
                </a:extLst>
              </p:cNvPr>
              <p:cNvSpPr/>
              <p:nvPr/>
            </p:nvSpPr>
            <p:spPr>
              <a:xfrm>
                <a:off x="13637769" y="6803440"/>
                <a:ext cx="61360" cy="166712"/>
              </a:xfrm>
              <a:custGeom>
                <a:avLst/>
                <a:gdLst>
                  <a:gd name="connsiteX0" fmla="*/ 61361 w 61360"/>
                  <a:gd name="connsiteY0" fmla="*/ 0 h 166712"/>
                  <a:gd name="connsiteX1" fmla="*/ 0 w 61360"/>
                  <a:gd name="connsiteY1" fmla="*/ 0 h 166712"/>
                  <a:gd name="connsiteX2" fmla="*/ 0 w 61360"/>
                  <a:gd name="connsiteY2" fmla="*/ 166713 h 166712"/>
                  <a:gd name="connsiteX3" fmla="*/ 61361 w 61360"/>
                  <a:gd name="connsiteY3" fmla="*/ 166713 h 166712"/>
                  <a:gd name="connsiteX4" fmla="*/ 61361 w 61360"/>
                  <a:gd name="connsiteY4" fmla="*/ 0 h 1667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66712">
                    <a:moveTo>
                      <a:pt x="61361" y="0"/>
                    </a:moveTo>
                    <a:lnTo>
                      <a:pt x="0" y="0"/>
                    </a:lnTo>
                    <a:lnTo>
                      <a:pt x="0" y="166713"/>
                    </a:lnTo>
                    <a:lnTo>
                      <a:pt x="61361" y="166713"/>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71" name="Freeform: Shape 870">
                <a:extLst>
                  <a:ext uri="{FF2B5EF4-FFF2-40B4-BE49-F238E27FC236}">
                    <a16:creationId xmlns:a16="http://schemas.microsoft.com/office/drawing/2014/main" id="{C252F7B5-37B9-89DA-82CE-DBDC4714A762}"/>
                  </a:ext>
                </a:extLst>
              </p:cNvPr>
              <p:cNvSpPr/>
              <p:nvPr/>
            </p:nvSpPr>
            <p:spPr>
              <a:xfrm>
                <a:off x="14362050" y="6501456"/>
                <a:ext cx="61360" cy="166586"/>
              </a:xfrm>
              <a:custGeom>
                <a:avLst/>
                <a:gdLst>
                  <a:gd name="connsiteX0" fmla="*/ 61361 w 61360"/>
                  <a:gd name="connsiteY0" fmla="*/ 0 h 166586"/>
                  <a:gd name="connsiteX1" fmla="*/ 0 w 61360"/>
                  <a:gd name="connsiteY1" fmla="*/ 0 h 166586"/>
                  <a:gd name="connsiteX2" fmla="*/ 0 w 61360"/>
                  <a:gd name="connsiteY2" fmla="*/ 166586 h 166586"/>
                  <a:gd name="connsiteX3" fmla="*/ 61361 w 61360"/>
                  <a:gd name="connsiteY3" fmla="*/ 166586 h 166586"/>
                  <a:gd name="connsiteX4" fmla="*/ 61361 w 61360"/>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66586">
                    <a:moveTo>
                      <a:pt x="61361" y="0"/>
                    </a:moveTo>
                    <a:lnTo>
                      <a:pt x="0" y="0"/>
                    </a:lnTo>
                    <a:lnTo>
                      <a:pt x="0" y="166586"/>
                    </a:lnTo>
                    <a:lnTo>
                      <a:pt x="61361" y="166586"/>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72" name="Freeform: Shape 871">
                <a:extLst>
                  <a:ext uri="{FF2B5EF4-FFF2-40B4-BE49-F238E27FC236}">
                    <a16:creationId xmlns:a16="http://schemas.microsoft.com/office/drawing/2014/main" id="{35E4F8AD-9EEE-EFE6-06C7-DC1304C91771}"/>
                  </a:ext>
                </a:extLst>
              </p:cNvPr>
              <p:cNvSpPr/>
              <p:nvPr/>
            </p:nvSpPr>
            <p:spPr>
              <a:xfrm>
                <a:off x="14120665" y="6501456"/>
                <a:ext cx="61233" cy="166586"/>
              </a:xfrm>
              <a:custGeom>
                <a:avLst/>
                <a:gdLst>
                  <a:gd name="connsiteX0" fmla="*/ 61234 w 61233"/>
                  <a:gd name="connsiteY0" fmla="*/ 0 h 166586"/>
                  <a:gd name="connsiteX1" fmla="*/ 0 w 61233"/>
                  <a:gd name="connsiteY1" fmla="*/ 0 h 166586"/>
                  <a:gd name="connsiteX2" fmla="*/ 0 w 61233"/>
                  <a:gd name="connsiteY2" fmla="*/ 166586 h 166586"/>
                  <a:gd name="connsiteX3" fmla="*/ 61234 w 61233"/>
                  <a:gd name="connsiteY3" fmla="*/ 166586 h 166586"/>
                  <a:gd name="connsiteX4" fmla="*/ 61234 w 61233"/>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233" h="166586">
                    <a:moveTo>
                      <a:pt x="61234" y="0"/>
                    </a:moveTo>
                    <a:lnTo>
                      <a:pt x="0" y="0"/>
                    </a:lnTo>
                    <a:lnTo>
                      <a:pt x="0" y="166586"/>
                    </a:lnTo>
                    <a:lnTo>
                      <a:pt x="61234" y="166586"/>
                    </a:lnTo>
                    <a:lnTo>
                      <a:pt x="61234"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73" name="Freeform: Shape 872">
                <a:extLst>
                  <a:ext uri="{FF2B5EF4-FFF2-40B4-BE49-F238E27FC236}">
                    <a16:creationId xmlns:a16="http://schemas.microsoft.com/office/drawing/2014/main" id="{8AEFFAB6-7AD3-8958-E0D0-8B07698CA12B}"/>
                  </a:ext>
                </a:extLst>
              </p:cNvPr>
              <p:cNvSpPr/>
              <p:nvPr/>
            </p:nvSpPr>
            <p:spPr>
              <a:xfrm>
                <a:off x="13999973" y="6501456"/>
                <a:ext cx="61233" cy="166586"/>
              </a:xfrm>
              <a:custGeom>
                <a:avLst/>
                <a:gdLst>
                  <a:gd name="connsiteX0" fmla="*/ 61234 w 61233"/>
                  <a:gd name="connsiteY0" fmla="*/ 0 h 166586"/>
                  <a:gd name="connsiteX1" fmla="*/ 0 w 61233"/>
                  <a:gd name="connsiteY1" fmla="*/ 0 h 166586"/>
                  <a:gd name="connsiteX2" fmla="*/ 0 w 61233"/>
                  <a:gd name="connsiteY2" fmla="*/ 166586 h 166586"/>
                  <a:gd name="connsiteX3" fmla="*/ 61234 w 61233"/>
                  <a:gd name="connsiteY3" fmla="*/ 166586 h 166586"/>
                  <a:gd name="connsiteX4" fmla="*/ 61234 w 61233"/>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233" h="166586">
                    <a:moveTo>
                      <a:pt x="61234" y="0"/>
                    </a:moveTo>
                    <a:lnTo>
                      <a:pt x="0" y="0"/>
                    </a:lnTo>
                    <a:lnTo>
                      <a:pt x="0" y="166586"/>
                    </a:lnTo>
                    <a:lnTo>
                      <a:pt x="61234" y="166586"/>
                    </a:lnTo>
                    <a:lnTo>
                      <a:pt x="61234"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74" name="Freeform: Shape 873">
                <a:extLst>
                  <a:ext uri="{FF2B5EF4-FFF2-40B4-BE49-F238E27FC236}">
                    <a16:creationId xmlns:a16="http://schemas.microsoft.com/office/drawing/2014/main" id="{3A1582B4-7CE4-E8C4-9217-C7695AF5D0E6}"/>
                  </a:ext>
                </a:extLst>
              </p:cNvPr>
              <p:cNvSpPr/>
              <p:nvPr/>
            </p:nvSpPr>
            <p:spPr>
              <a:xfrm>
                <a:off x="13879154" y="6501456"/>
                <a:ext cx="61359" cy="166586"/>
              </a:xfrm>
              <a:custGeom>
                <a:avLst/>
                <a:gdLst>
                  <a:gd name="connsiteX0" fmla="*/ 61360 w 61359"/>
                  <a:gd name="connsiteY0" fmla="*/ 0 h 166586"/>
                  <a:gd name="connsiteX1" fmla="*/ 0 w 61359"/>
                  <a:gd name="connsiteY1" fmla="*/ 0 h 166586"/>
                  <a:gd name="connsiteX2" fmla="*/ 0 w 61359"/>
                  <a:gd name="connsiteY2" fmla="*/ 166586 h 166586"/>
                  <a:gd name="connsiteX3" fmla="*/ 61360 w 61359"/>
                  <a:gd name="connsiteY3" fmla="*/ 166586 h 166586"/>
                  <a:gd name="connsiteX4" fmla="*/ 61360 w 61359"/>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59" h="166586">
                    <a:moveTo>
                      <a:pt x="61360" y="0"/>
                    </a:moveTo>
                    <a:lnTo>
                      <a:pt x="0" y="0"/>
                    </a:lnTo>
                    <a:lnTo>
                      <a:pt x="0" y="166586"/>
                    </a:lnTo>
                    <a:lnTo>
                      <a:pt x="61360" y="166586"/>
                    </a:lnTo>
                    <a:lnTo>
                      <a:pt x="61360"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75" name="Freeform: Shape 874">
                <a:extLst>
                  <a:ext uri="{FF2B5EF4-FFF2-40B4-BE49-F238E27FC236}">
                    <a16:creationId xmlns:a16="http://schemas.microsoft.com/office/drawing/2014/main" id="{860473E8-D959-0A39-7B58-5C43BEE2A058}"/>
                  </a:ext>
                </a:extLst>
              </p:cNvPr>
              <p:cNvSpPr/>
              <p:nvPr/>
            </p:nvSpPr>
            <p:spPr>
              <a:xfrm>
                <a:off x="13637769" y="6501456"/>
                <a:ext cx="61360" cy="166586"/>
              </a:xfrm>
              <a:custGeom>
                <a:avLst/>
                <a:gdLst>
                  <a:gd name="connsiteX0" fmla="*/ 61361 w 61360"/>
                  <a:gd name="connsiteY0" fmla="*/ 0 h 166586"/>
                  <a:gd name="connsiteX1" fmla="*/ 0 w 61360"/>
                  <a:gd name="connsiteY1" fmla="*/ 0 h 166586"/>
                  <a:gd name="connsiteX2" fmla="*/ 0 w 61360"/>
                  <a:gd name="connsiteY2" fmla="*/ 166586 h 166586"/>
                  <a:gd name="connsiteX3" fmla="*/ 61361 w 61360"/>
                  <a:gd name="connsiteY3" fmla="*/ 166586 h 166586"/>
                  <a:gd name="connsiteX4" fmla="*/ 61361 w 61360"/>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360" h="166586">
                    <a:moveTo>
                      <a:pt x="61361" y="0"/>
                    </a:moveTo>
                    <a:lnTo>
                      <a:pt x="0" y="0"/>
                    </a:lnTo>
                    <a:lnTo>
                      <a:pt x="0" y="166586"/>
                    </a:lnTo>
                    <a:lnTo>
                      <a:pt x="61361" y="166586"/>
                    </a:lnTo>
                    <a:lnTo>
                      <a:pt x="61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76" name="Freeform: Shape 875">
                <a:extLst>
                  <a:ext uri="{FF2B5EF4-FFF2-40B4-BE49-F238E27FC236}">
                    <a16:creationId xmlns:a16="http://schemas.microsoft.com/office/drawing/2014/main" id="{3266A2E2-C080-E6E1-D98F-3E2E1C97DDAD}"/>
                  </a:ext>
                </a:extLst>
              </p:cNvPr>
              <p:cNvSpPr/>
              <p:nvPr/>
            </p:nvSpPr>
            <p:spPr>
              <a:xfrm>
                <a:off x="14686348" y="7420468"/>
                <a:ext cx="70234" cy="117903"/>
              </a:xfrm>
              <a:custGeom>
                <a:avLst/>
                <a:gdLst>
                  <a:gd name="connsiteX0" fmla="*/ 70235 w 70234"/>
                  <a:gd name="connsiteY0" fmla="*/ 0 h 117903"/>
                  <a:gd name="connsiteX1" fmla="*/ 0 w 70234"/>
                  <a:gd name="connsiteY1" fmla="*/ 0 h 117903"/>
                  <a:gd name="connsiteX2" fmla="*/ 0 w 70234"/>
                  <a:gd name="connsiteY2" fmla="*/ 117903 h 117903"/>
                  <a:gd name="connsiteX3" fmla="*/ 70235 w 70234"/>
                  <a:gd name="connsiteY3" fmla="*/ 117903 h 117903"/>
                  <a:gd name="connsiteX4" fmla="*/ 70235 w 70234"/>
                  <a:gd name="connsiteY4" fmla="*/ 0 h 117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0234" h="117903">
                    <a:moveTo>
                      <a:pt x="70235" y="0"/>
                    </a:moveTo>
                    <a:lnTo>
                      <a:pt x="0" y="0"/>
                    </a:lnTo>
                    <a:lnTo>
                      <a:pt x="0" y="117903"/>
                    </a:lnTo>
                    <a:lnTo>
                      <a:pt x="70235" y="117903"/>
                    </a:lnTo>
                    <a:lnTo>
                      <a:pt x="70235"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77" name="Freeform: Shape 876">
                <a:extLst>
                  <a:ext uri="{FF2B5EF4-FFF2-40B4-BE49-F238E27FC236}">
                    <a16:creationId xmlns:a16="http://schemas.microsoft.com/office/drawing/2014/main" id="{B45FC4CB-A021-C948-D60B-B8E51B4E08E3}"/>
                  </a:ext>
                </a:extLst>
              </p:cNvPr>
              <p:cNvSpPr/>
              <p:nvPr/>
            </p:nvSpPr>
            <p:spPr>
              <a:xfrm>
                <a:off x="14568191" y="7420468"/>
                <a:ext cx="70361" cy="117903"/>
              </a:xfrm>
              <a:custGeom>
                <a:avLst/>
                <a:gdLst>
                  <a:gd name="connsiteX0" fmla="*/ 70361 w 70361"/>
                  <a:gd name="connsiteY0" fmla="*/ 0 h 117903"/>
                  <a:gd name="connsiteX1" fmla="*/ 0 w 70361"/>
                  <a:gd name="connsiteY1" fmla="*/ 0 h 117903"/>
                  <a:gd name="connsiteX2" fmla="*/ 0 w 70361"/>
                  <a:gd name="connsiteY2" fmla="*/ 117903 h 117903"/>
                  <a:gd name="connsiteX3" fmla="*/ 70361 w 70361"/>
                  <a:gd name="connsiteY3" fmla="*/ 117903 h 117903"/>
                  <a:gd name="connsiteX4" fmla="*/ 70361 w 70361"/>
                  <a:gd name="connsiteY4" fmla="*/ 0 h 117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0361" h="117903">
                    <a:moveTo>
                      <a:pt x="70361" y="0"/>
                    </a:moveTo>
                    <a:lnTo>
                      <a:pt x="0" y="0"/>
                    </a:lnTo>
                    <a:lnTo>
                      <a:pt x="0" y="117903"/>
                    </a:lnTo>
                    <a:lnTo>
                      <a:pt x="70361" y="117903"/>
                    </a:lnTo>
                    <a:lnTo>
                      <a:pt x="70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78" name="Freeform: Shape 877">
                <a:extLst>
                  <a:ext uri="{FF2B5EF4-FFF2-40B4-BE49-F238E27FC236}">
                    <a16:creationId xmlns:a16="http://schemas.microsoft.com/office/drawing/2014/main" id="{ADC1E29E-204E-DD34-ED6C-9B4187D31075}"/>
                  </a:ext>
                </a:extLst>
              </p:cNvPr>
              <p:cNvSpPr/>
              <p:nvPr/>
            </p:nvSpPr>
            <p:spPr>
              <a:xfrm>
                <a:off x="14686348" y="7105552"/>
                <a:ext cx="70234" cy="166586"/>
              </a:xfrm>
              <a:custGeom>
                <a:avLst/>
                <a:gdLst>
                  <a:gd name="connsiteX0" fmla="*/ 70235 w 70234"/>
                  <a:gd name="connsiteY0" fmla="*/ 0 h 166586"/>
                  <a:gd name="connsiteX1" fmla="*/ 0 w 70234"/>
                  <a:gd name="connsiteY1" fmla="*/ 0 h 166586"/>
                  <a:gd name="connsiteX2" fmla="*/ 0 w 70234"/>
                  <a:gd name="connsiteY2" fmla="*/ 166586 h 166586"/>
                  <a:gd name="connsiteX3" fmla="*/ 70235 w 70234"/>
                  <a:gd name="connsiteY3" fmla="*/ 166586 h 166586"/>
                  <a:gd name="connsiteX4" fmla="*/ 70235 w 70234"/>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0234" h="166586">
                    <a:moveTo>
                      <a:pt x="70235" y="0"/>
                    </a:moveTo>
                    <a:lnTo>
                      <a:pt x="0" y="0"/>
                    </a:lnTo>
                    <a:lnTo>
                      <a:pt x="0" y="166586"/>
                    </a:lnTo>
                    <a:lnTo>
                      <a:pt x="70235" y="166586"/>
                    </a:lnTo>
                    <a:lnTo>
                      <a:pt x="70235"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79" name="Freeform: Shape 878">
                <a:extLst>
                  <a:ext uri="{FF2B5EF4-FFF2-40B4-BE49-F238E27FC236}">
                    <a16:creationId xmlns:a16="http://schemas.microsoft.com/office/drawing/2014/main" id="{6324F3CB-BCC5-520B-3B7A-571DFDE163CE}"/>
                  </a:ext>
                </a:extLst>
              </p:cNvPr>
              <p:cNvSpPr/>
              <p:nvPr/>
            </p:nvSpPr>
            <p:spPr>
              <a:xfrm>
                <a:off x="14568191" y="7105552"/>
                <a:ext cx="70361" cy="166586"/>
              </a:xfrm>
              <a:custGeom>
                <a:avLst/>
                <a:gdLst>
                  <a:gd name="connsiteX0" fmla="*/ 70361 w 70361"/>
                  <a:gd name="connsiteY0" fmla="*/ 0 h 166586"/>
                  <a:gd name="connsiteX1" fmla="*/ 0 w 70361"/>
                  <a:gd name="connsiteY1" fmla="*/ 0 h 166586"/>
                  <a:gd name="connsiteX2" fmla="*/ 0 w 70361"/>
                  <a:gd name="connsiteY2" fmla="*/ 166586 h 166586"/>
                  <a:gd name="connsiteX3" fmla="*/ 70361 w 70361"/>
                  <a:gd name="connsiteY3" fmla="*/ 166586 h 166586"/>
                  <a:gd name="connsiteX4" fmla="*/ 70361 w 70361"/>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0361" h="166586">
                    <a:moveTo>
                      <a:pt x="70361" y="0"/>
                    </a:moveTo>
                    <a:lnTo>
                      <a:pt x="0" y="0"/>
                    </a:lnTo>
                    <a:lnTo>
                      <a:pt x="0" y="166586"/>
                    </a:lnTo>
                    <a:lnTo>
                      <a:pt x="70361" y="166586"/>
                    </a:lnTo>
                    <a:lnTo>
                      <a:pt x="70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80" name="Freeform: Shape 879">
                <a:extLst>
                  <a:ext uri="{FF2B5EF4-FFF2-40B4-BE49-F238E27FC236}">
                    <a16:creationId xmlns:a16="http://schemas.microsoft.com/office/drawing/2014/main" id="{A5E0B784-ADCE-BCEA-1E99-6F49C948F224}"/>
                  </a:ext>
                </a:extLst>
              </p:cNvPr>
              <p:cNvSpPr/>
              <p:nvPr/>
            </p:nvSpPr>
            <p:spPr>
              <a:xfrm>
                <a:off x="14686348" y="6803440"/>
                <a:ext cx="70234" cy="166712"/>
              </a:xfrm>
              <a:custGeom>
                <a:avLst/>
                <a:gdLst>
                  <a:gd name="connsiteX0" fmla="*/ 70235 w 70234"/>
                  <a:gd name="connsiteY0" fmla="*/ 0 h 166712"/>
                  <a:gd name="connsiteX1" fmla="*/ 0 w 70234"/>
                  <a:gd name="connsiteY1" fmla="*/ 0 h 166712"/>
                  <a:gd name="connsiteX2" fmla="*/ 0 w 70234"/>
                  <a:gd name="connsiteY2" fmla="*/ 166713 h 166712"/>
                  <a:gd name="connsiteX3" fmla="*/ 70235 w 70234"/>
                  <a:gd name="connsiteY3" fmla="*/ 166713 h 166712"/>
                  <a:gd name="connsiteX4" fmla="*/ 70235 w 70234"/>
                  <a:gd name="connsiteY4" fmla="*/ 0 h 1667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0234" h="166712">
                    <a:moveTo>
                      <a:pt x="70235" y="0"/>
                    </a:moveTo>
                    <a:lnTo>
                      <a:pt x="0" y="0"/>
                    </a:lnTo>
                    <a:lnTo>
                      <a:pt x="0" y="166713"/>
                    </a:lnTo>
                    <a:lnTo>
                      <a:pt x="70235" y="166713"/>
                    </a:lnTo>
                    <a:lnTo>
                      <a:pt x="70235"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81" name="Freeform: Shape 880">
                <a:extLst>
                  <a:ext uri="{FF2B5EF4-FFF2-40B4-BE49-F238E27FC236}">
                    <a16:creationId xmlns:a16="http://schemas.microsoft.com/office/drawing/2014/main" id="{31BFBF10-89C5-EF6F-D992-290502E2B8A0}"/>
                  </a:ext>
                </a:extLst>
              </p:cNvPr>
              <p:cNvSpPr/>
              <p:nvPr/>
            </p:nvSpPr>
            <p:spPr>
              <a:xfrm>
                <a:off x="14568191" y="6803440"/>
                <a:ext cx="70361" cy="166712"/>
              </a:xfrm>
              <a:custGeom>
                <a:avLst/>
                <a:gdLst>
                  <a:gd name="connsiteX0" fmla="*/ 70361 w 70361"/>
                  <a:gd name="connsiteY0" fmla="*/ 0 h 166712"/>
                  <a:gd name="connsiteX1" fmla="*/ 0 w 70361"/>
                  <a:gd name="connsiteY1" fmla="*/ 0 h 166712"/>
                  <a:gd name="connsiteX2" fmla="*/ 0 w 70361"/>
                  <a:gd name="connsiteY2" fmla="*/ 166713 h 166712"/>
                  <a:gd name="connsiteX3" fmla="*/ 70361 w 70361"/>
                  <a:gd name="connsiteY3" fmla="*/ 166713 h 166712"/>
                  <a:gd name="connsiteX4" fmla="*/ 70361 w 70361"/>
                  <a:gd name="connsiteY4" fmla="*/ 0 h 1667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0361" h="166712">
                    <a:moveTo>
                      <a:pt x="70361" y="0"/>
                    </a:moveTo>
                    <a:lnTo>
                      <a:pt x="0" y="0"/>
                    </a:lnTo>
                    <a:lnTo>
                      <a:pt x="0" y="166713"/>
                    </a:lnTo>
                    <a:lnTo>
                      <a:pt x="70361" y="166713"/>
                    </a:lnTo>
                    <a:lnTo>
                      <a:pt x="70361"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82" name="Freeform: Shape 881">
                <a:extLst>
                  <a:ext uri="{FF2B5EF4-FFF2-40B4-BE49-F238E27FC236}">
                    <a16:creationId xmlns:a16="http://schemas.microsoft.com/office/drawing/2014/main" id="{3B2607AA-673D-D884-9826-24B94A936431}"/>
                  </a:ext>
                </a:extLst>
              </p:cNvPr>
              <p:cNvSpPr/>
              <p:nvPr/>
            </p:nvSpPr>
            <p:spPr>
              <a:xfrm>
                <a:off x="14686348" y="6501456"/>
                <a:ext cx="70234" cy="166586"/>
              </a:xfrm>
              <a:custGeom>
                <a:avLst/>
                <a:gdLst>
                  <a:gd name="connsiteX0" fmla="*/ 70235 w 70234"/>
                  <a:gd name="connsiteY0" fmla="*/ 0 h 166586"/>
                  <a:gd name="connsiteX1" fmla="*/ 0 w 70234"/>
                  <a:gd name="connsiteY1" fmla="*/ 0 h 166586"/>
                  <a:gd name="connsiteX2" fmla="*/ 0 w 70234"/>
                  <a:gd name="connsiteY2" fmla="*/ 166586 h 166586"/>
                  <a:gd name="connsiteX3" fmla="*/ 70235 w 70234"/>
                  <a:gd name="connsiteY3" fmla="*/ 166586 h 166586"/>
                  <a:gd name="connsiteX4" fmla="*/ 70235 w 70234"/>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0234" h="166586">
                    <a:moveTo>
                      <a:pt x="70235" y="0"/>
                    </a:moveTo>
                    <a:lnTo>
                      <a:pt x="0" y="0"/>
                    </a:lnTo>
                    <a:lnTo>
                      <a:pt x="0" y="166586"/>
                    </a:lnTo>
                    <a:lnTo>
                      <a:pt x="70235" y="166586"/>
                    </a:lnTo>
                    <a:lnTo>
                      <a:pt x="70235"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883" name="Freeform: Shape 882">
                <a:extLst>
                  <a:ext uri="{FF2B5EF4-FFF2-40B4-BE49-F238E27FC236}">
                    <a16:creationId xmlns:a16="http://schemas.microsoft.com/office/drawing/2014/main" id="{E40D94EA-4F90-A613-C682-E7C67600931E}"/>
                  </a:ext>
                </a:extLst>
              </p:cNvPr>
              <p:cNvSpPr/>
              <p:nvPr/>
            </p:nvSpPr>
            <p:spPr>
              <a:xfrm>
                <a:off x="14568191" y="6501456"/>
                <a:ext cx="70361" cy="166586"/>
              </a:xfrm>
              <a:custGeom>
                <a:avLst/>
                <a:gdLst>
                  <a:gd name="connsiteX0" fmla="*/ 70361 w 70361"/>
                  <a:gd name="connsiteY0" fmla="*/ 0 h 166586"/>
                  <a:gd name="connsiteX1" fmla="*/ 0 w 70361"/>
                  <a:gd name="connsiteY1" fmla="*/ 0 h 166586"/>
                  <a:gd name="connsiteX2" fmla="*/ 0 w 70361"/>
                  <a:gd name="connsiteY2" fmla="*/ 166586 h 166586"/>
                  <a:gd name="connsiteX3" fmla="*/ 70361 w 70361"/>
                  <a:gd name="connsiteY3" fmla="*/ 166586 h 166586"/>
                  <a:gd name="connsiteX4" fmla="*/ 70361 w 70361"/>
                  <a:gd name="connsiteY4" fmla="*/ 0 h 1665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0361" h="166586">
                    <a:moveTo>
                      <a:pt x="70361" y="0"/>
                    </a:moveTo>
                    <a:lnTo>
                      <a:pt x="0" y="0"/>
                    </a:lnTo>
                    <a:lnTo>
                      <a:pt x="0" y="166586"/>
                    </a:lnTo>
                    <a:lnTo>
                      <a:pt x="70361" y="166586"/>
                    </a:lnTo>
                    <a:lnTo>
                      <a:pt x="70361" y="0"/>
                    </a:lnTo>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884" name="Graphic 778">
              <a:extLst>
                <a:ext uri="{FF2B5EF4-FFF2-40B4-BE49-F238E27FC236}">
                  <a16:creationId xmlns:a16="http://schemas.microsoft.com/office/drawing/2014/main" id="{BDBDB0BA-C1E8-5368-36AB-8184BBEA5539}"/>
                </a:ext>
              </a:extLst>
            </p:cNvPr>
            <p:cNvGrpSpPr/>
            <p:nvPr/>
          </p:nvGrpSpPr>
          <p:grpSpPr>
            <a:xfrm>
              <a:off x="10903300" y="9624753"/>
              <a:ext cx="1814823" cy="824182"/>
              <a:chOff x="10903300" y="9624753"/>
              <a:chExt cx="1814823" cy="824182"/>
            </a:xfrm>
            <a:solidFill>
              <a:srgbClr val="FFFFFF"/>
            </a:solidFill>
          </p:grpSpPr>
          <p:sp>
            <p:nvSpPr>
              <p:cNvPr id="885" name="Freeform: Shape 884">
                <a:extLst>
                  <a:ext uri="{FF2B5EF4-FFF2-40B4-BE49-F238E27FC236}">
                    <a16:creationId xmlns:a16="http://schemas.microsoft.com/office/drawing/2014/main" id="{8343618D-B366-A549-10F9-CD949060C7D0}"/>
                  </a:ext>
                </a:extLst>
              </p:cNvPr>
              <p:cNvSpPr/>
              <p:nvPr/>
            </p:nvSpPr>
            <p:spPr>
              <a:xfrm>
                <a:off x="11237359" y="9624753"/>
                <a:ext cx="355738" cy="412281"/>
              </a:xfrm>
              <a:custGeom>
                <a:avLst/>
                <a:gdLst>
                  <a:gd name="connsiteX0" fmla="*/ 0 w 355738"/>
                  <a:gd name="connsiteY0" fmla="*/ 412282 h 412281"/>
                  <a:gd name="connsiteX1" fmla="*/ 355739 w 355738"/>
                  <a:gd name="connsiteY1" fmla="*/ 206141 h 412281"/>
                  <a:gd name="connsiteX2" fmla="*/ 0 w 355738"/>
                  <a:gd name="connsiteY2" fmla="*/ 0 h 412281"/>
                  <a:gd name="connsiteX3" fmla="*/ 0 w 355738"/>
                  <a:gd name="connsiteY3" fmla="*/ 412282 h 412281"/>
                </a:gdLst>
                <a:ahLst/>
                <a:cxnLst>
                  <a:cxn ang="0">
                    <a:pos x="connsiteX0" y="connsiteY0"/>
                  </a:cxn>
                  <a:cxn ang="0">
                    <a:pos x="connsiteX1" y="connsiteY1"/>
                  </a:cxn>
                  <a:cxn ang="0">
                    <a:pos x="connsiteX2" y="connsiteY2"/>
                  </a:cxn>
                  <a:cxn ang="0">
                    <a:pos x="connsiteX3" y="connsiteY3"/>
                  </a:cxn>
                </a:cxnLst>
                <a:rect l="l" t="t" r="r" b="b"/>
                <a:pathLst>
                  <a:path w="355738" h="412281">
                    <a:moveTo>
                      <a:pt x="0" y="412282"/>
                    </a:moveTo>
                    <a:lnTo>
                      <a:pt x="355739" y="206141"/>
                    </a:lnTo>
                    <a:lnTo>
                      <a:pt x="0" y="0"/>
                    </a:lnTo>
                    <a:lnTo>
                      <a:pt x="0" y="41228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86" name="Freeform: Shape 885">
                <a:extLst>
                  <a:ext uri="{FF2B5EF4-FFF2-40B4-BE49-F238E27FC236}">
                    <a16:creationId xmlns:a16="http://schemas.microsoft.com/office/drawing/2014/main" id="{41339A25-EF45-9390-2CE7-70F6565F0C8A}"/>
                  </a:ext>
                </a:extLst>
              </p:cNvPr>
              <p:cNvSpPr/>
              <p:nvPr/>
            </p:nvSpPr>
            <p:spPr>
              <a:xfrm>
                <a:off x="11237359" y="9624753"/>
                <a:ext cx="538932" cy="206140"/>
              </a:xfrm>
              <a:custGeom>
                <a:avLst/>
                <a:gdLst>
                  <a:gd name="connsiteX0" fmla="*/ 538932 w 538932"/>
                  <a:gd name="connsiteY0" fmla="*/ 206141 h 206140"/>
                  <a:gd name="connsiteX1" fmla="*/ 183321 w 538932"/>
                  <a:gd name="connsiteY1" fmla="*/ 0 h 206140"/>
                  <a:gd name="connsiteX2" fmla="*/ 0 w 538932"/>
                  <a:gd name="connsiteY2" fmla="*/ 0 h 206140"/>
                  <a:gd name="connsiteX3" fmla="*/ 355739 w 538932"/>
                  <a:gd name="connsiteY3" fmla="*/ 206141 h 206140"/>
                  <a:gd name="connsiteX4" fmla="*/ 538932 w 538932"/>
                  <a:gd name="connsiteY4" fmla="*/ 206141 h 2061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38932" h="206140">
                    <a:moveTo>
                      <a:pt x="538932" y="206141"/>
                    </a:moveTo>
                    <a:lnTo>
                      <a:pt x="183321" y="0"/>
                    </a:lnTo>
                    <a:lnTo>
                      <a:pt x="0" y="0"/>
                    </a:lnTo>
                    <a:lnTo>
                      <a:pt x="355739" y="206141"/>
                    </a:lnTo>
                    <a:lnTo>
                      <a:pt x="538932" y="206141"/>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87" name="Freeform: Shape 886">
                <a:extLst>
                  <a:ext uri="{FF2B5EF4-FFF2-40B4-BE49-F238E27FC236}">
                    <a16:creationId xmlns:a16="http://schemas.microsoft.com/office/drawing/2014/main" id="{5FF391C5-3E5E-D77C-B05D-7666B8D79863}"/>
                  </a:ext>
                </a:extLst>
              </p:cNvPr>
              <p:cNvSpPr/>
              <p:nvPr/>
            </p:nvSpPr>
            <p:spPr>
              <a:xfrm>
                <a:off x="11634427" y="9624753"/>
                <a:ext cx="355738" cy="412281"/>
              </a:xfrm>
              <a:custGeom>
                <a:avLst/>
                <a:gdLst>
                  <a:gd name="connsiteX0" fmla="*/ 0 w 355738"/>
                  <a:gd name="connsiteY0" fmla="*/ 412282 h 412281"/>
                  <a:gd name="connsiteX1" fmla="*/ 355738 w 355738"/>
                  <a:gd name="connsiteY1" fmla="*/ 206141 h 412281"/>
                  <a:gd name="connsiteX2" fmla="*/ 0 w 355738"/>
                  <a:gd name="connsiteY2" fmla="*/ 0 h 412281"/>
                  <a:gd name="connsiteX3" fmla="*/ 0 w 355738"/>
                  <a:gd name="connsiteY3" fmla="*/ 412282 h 412281"/>
                </a:gdLst>
                <a:ahLst/>
                <a:cxnLst>
                  <a:cxn ang="0">
                    <a:pos x="connsiteX0" y="connsiteY0"/>
                  </a:cxn>
                  <a:cxn ang="0">
                    <a:pos x="connsiteX1" y="connsiteY1"/>
                  </a:cxn>
                  <a:cxn ang="0">
                    <a:pos x="connsiteX2" y="connsiteY2"/>
                  </a:cxn>
                  <a:cxn ang="0">
                    <a:pos x="connsiteX3" y="connsiteY3"/>
                  </a:cxn>
                </a:cxnLst>
                <a:rect l="l" t="t" r="r" b="b"/>
                <a:pathLst>
                  <a:path w="355738" h="412281">
                    <a:moveTo>
                      <a:pt x="0" y="412282"/>
                    </a:moveTo>
                    <a:lnTo>
                      <a:pt x="355738" y="206141"/>
                    </a:lnTo>
                    <a:lnTo>
                      <a:pt x="0" y="0"/>
                    </a:lnTo>
                    <a:lnTo>
                      <a:pt x="0" y="41228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88" name="Freeform: Shape 887">
                <a:extLst>
                  <a:ext uri="{FF2B5EF4-FFF2-40B4-BE49-F238E27FC236}">
                    <a16:creationId xmlns:a16="http://schemas.microsoft.com/office/drawing/2014/main" id="{061202C1-333B-556D-30D6-D00D2AACF0AB}"/>
                  </a:ext>
                </a:extLst>
              </p:cNvPr>
              <p:cNvSpPr/>
              <p:nvPr/>
            </p:nvSpPr>
            <p:spPr>
              <a:xfrm>
                <a:off x="11634427" y="9624753"/>
                <a:ext cx="538932" cy="206140"/>
              </a:xfrm>
              <a:custGeom>
                <a:avLst/>
                <a:gdLst>
                  <a:gd name="connsiteX0" fmla="*/ 538932 w 538932"/>
                  <a:gd name="connsiteY0" fmla="*/ 206141 h 206140"/>
                  <a:gd name="connsiteX1" fmla="*/ 183321 w 538932"/>
                  <a:gd name="connsiteY1" fmla="*/ 0 h 206140"/>
                  <a:gd name="connsiteX2" fmla="*/ 0 w 538932"/>
                  <a:gd name="connsiteY2" fmla="*/ 0 h 206140"/>
                  <a:gd name="connsiteX3" fmla="*/ 355738 w 538932"/>
                  <a:gd name="connsiteY3" fmla="*/ 206141 h 206140"/>
                  <a:gd name="connsiteX4" fmla="*/ 538932 w 538932"/>
                  <a:gd name="connsiteY4" fmla="*/ 206141 h 2061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38932" h="206140">
                    <a:moveTo>
                      <a:pt x="538932" y="206141"/>
                    </a:moveTo>
                    <a:lnTo>
                      <a:pt x="183321" y="0"/>
                    </a:lnTo>
                    <a:lnTo>
                      <a:pt x="0" y="0"/>
                    </a:lnTo>
                    <a:lnTo>
                      <a:pt x="355738" y="206141"/>
                    </a:lnTo>
                    <a:lnTo>
                      <a:pt x="538932" y="206141"/>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89" name="Freeform: Shape 888">
                <a:extLst>
                  <a:ext uri="{FF2B5EF4-FFF2-40B4-BE49-F238E27FC236}">
                    <a16:creationId xmlns:a16="http://schemas.microsoft.com/office/drawing/2014/main" id="{784CE80D-ED6C-24E1-4C67-B4D527EF380D}"/>
                  </a:ext>
                </a:extLst>
              </p:cNvPr>
              <p:cNvSpPr/>
              <p:nvPr/>
            </p:nvSpPr>
            <p:spPr>
              <a:xfrm>
                <a:off x="12031495" y="9624753"/>
                <a:ext cx="355738" cy="412281"/>
              </a:xfrm>
              <a:custGeom>
                <a:avLst/>
                <a:gdLst>
                  <a:gd name="connsiteX0" fmla="*/ 0 w 355738"/>
                  <a:gd name="connsiteY0" fmla="*/ 412282 h 412281"/>
                  <a:gd name="connsiteX1" fmla="*/ 355738 w 355738"/>
                  <a:gd name="connsiteY1" fmla="*/ 206141 h 412281"/>
                  <a:gd name="connsiteX2" fmla="*/ 0 w 355738"/>
                  <a:gd name="connsiteY2" fmla="*/ 0 h 412281"/>
                  <a:gd name="connsiteX3" fmla="*/ 0 w 355738"/>
                  <a:gd name="connsiteY3" fmla="*/ 412282 h 412281"/>
                </a:gdLst>
                <a:ahLst/>
                <a:cxnLst>
                  <a:cxn ang="0">
                    <a:pos x="connsiteX0" y="connsiteY0"/>
                  </a:cxn>
                  <a:cxn ang="0">
                    <a:pos x="connsiteX1" y="connsiteY1"/>
                  </a:cxn>
                  <a:cxn ang="0">
                    <a:pos x="connsiteX2" y="connsiteY2"/>
                  </a:cxn>
                  <a:cxn ang="0">
                    <a:pos x="connsiteX3" y="connsiteY3"/>
                  </a:cxn>
                </a:cxnLst>
                <a:rect l="l" t="t" r="r" b="b"/>
                <a:pathLst>
                  <a:path w="355738" h="412281">
                    <a:moveTo>
                      <a:pt x="0" y="412282"/>
                    </a:moveTo>
                    <a:lnTo>
                      <a:pt x="355738" y="206141"/>
                    </a:lnTo>
                    <a:lnTo>
                      <a:pt x="0" y="0"/>
                    </a:lnTo>
                    <a:lnTo>
                      <a:pt x="0" y="41228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90" name="Freeform: Shape 889">
                <a:extLst>
                  <a:ext uri="{FF2B5EF4-FFF2-40B4-BE49-F238E27FC236}">
                    <a16:creationId xmlns:a16="http://schemas.microsoft.com/office/drawing/2014/main" id="{14C3D26C-FA0B-48C0-358C-FB9839DA0AE2}"/>
                  </a:ext>
                </a:extLst>
              </p:cNvPr>
              <p:cNvSpPr/>
              <p:nvPr/>
            </p:nvSpPr>
            <p:spPr>
              <a:xfrm>
                <a:off x="12031495" y="9624753"/>
                <a:ext cx="539058" cy="206140"/>
              </a:xfrm>
              <a:custGeom>
                <a:avLst/>
                <a:gdLst>
                  <a:gd name="connsiteX0" fmla="*/ 539059 w 539058"/>
                  <a:gd name="connsiteY0" fmla="*/ 206141 h 206140"/>
                  <a:gd name="connsiteX1" fmla="*/ 183321 w 539058"/>
                  <a:gd name="connsiteY1" fmla="*/ 0 h 206140"/>
                  <a:gd name="connsiteX2" fmla="*/ 0 w 539058"/>
                  <a:gd name="connsiteY2" fmla="*/ 0 h 206140"/>
                  <a:gd name="connsiteX3" fmla="*/ 355738 w 539058"/>
                  <a:gd name="connsiteY3" fmla="*/ 206141 h 206140"/>
                  <a:gd name="connsiteX4" fmla="*/ 539059 w 539058"/>
                  <a:gd name="connsiteY4" fmla="*/ 206141 h 2061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39058" h="206140">
                    <a:moveTo>
                      <a:pt x="539059" y="206141"/>
                    </a:moveTo>
                    <a:lnTo>
                      <a:pt x="183321" y="0"/>
                    </a:lnTo>
                    <a:lnTo>
                      <a:pt x="0" y="0"/>
                    </a:lnTo>
                    <a:lnTo>
                      <a:pt x="355738" y="206141"/>
                    </a:lnTo>
                    <a:lnTo>
                      <a:pt x="539059" y="206141"/>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91" name="Freeform: Shape 890">
                <a:extLst>
                  <a:ext uri="{FF2B5EF4-FFF2-40B4-BE49-F238E27FC236}">
                    <a16:creationId xmlns:a16="http://schemas.microsoft.com/office/drawing/2014/main" id="{2FD59239-8CBB-C879-F6AF-017A8C077076}"/>
                  </a:ext>
                </a:extLst>
              </p:cNvPr>
              <p:cNvSpPr/>
              <p:nvPr/>
            </p:nvSpPr>
            <p:spPr>
              <a:xfrm>
                <a:off x="10903300" y="9803510"/>
                <a:ext cx="1407866" cy="645425"/>
              </a:xfrm>
              <a:custGeom>
                <a:avLst/>
                <a:gdLst>
                  <a:gd name="connsiteX0" fmla="*/ 0 w 1407866"/>
                  <a:gd name="connsiteY0" fmla="*/ 0 h 645425"/>
                  <a:gd name="connsiteX1" fmla="*/ 1407867 w 1407866"/>
                  <a:gd name="connsiteY1" fmla="*/ 0 h 645425"/>
                  <a:gd name="connsiteX2" fmla="*/ 1407867 w 1407866"/>
                  <a:gd name="connsiteY2" fmla="*/ 645426 h 645425"/>
                  <a:gd name="connsiteX3" fmla="*/ 0 w 1407866"/>
                  <a:gd name="connsiteY3" fmla="*/ 645426 h 645425"/>
                </a:gdLst>
                <a:ahLst/>
                <a:cxnLst>
                  <a:cxn ang="0">
                    <a:pos x="connsiteX0" y="connsiteY0"/>
                  </a:cxn>
                  <a:cxn ang="0">
                    <a:pos x="connsiteX1" y="connsiteY1"/>
                  </a:cxn>
                  <a:cxn ang="0">
                    <a:pos x="connsiteX2" y="connsiteY2"/>
                  </a:cxn>
                  <a:cxn ang="0">
                    <a:pos x="connsiteX3" y="connsiteY3"/>
                  </a:cxn>
                </a:cxnLst>
                <a:rect l="l" t="t" r="r" b="b"/>
                <a:pathLst>
                  <a:path w="1407866" h="645425">
                    <a:moveTo>
                      <a:pt x="0" y="0"/>
                    </a:moveTo>
                    <a:lnTo>
                      <a:pt x="1407867" y="0"/>
                    </a:lnTo>
                    <a:lnTo>
                      <a:pt x="1407867" y="645426"/>
                    </a:lnTo>
                    <a:lnTo>
                      <a:pt x="0" y="645426"/>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92" name="Freeform: Shape 891">
                <a:extLst>
                  <a:ext uri="{FF2B5EF4-FFF2-40B4-BE49-F238E27FC236}">
                    <a16:creationId xmlns:a16="http://schemas.microsoft.com/office/drawing/2014/main" id="{36C2564C-94EC-E985-DE77-DC718CC12D29}"/>
                  </a:ext>
                </a:extLst>
              </p:cNvPr>
              <p:cNvSpPr/>
              <p:nvPr/>
            </p:nvSpPr>
            <p:spPr>
              <a:xfrm>
                <a:off x="12311167" y="9803510"/>
                <a:ext cx="406956" cy="645425"/>
              </a:xfrm>
              <a:custGeom>
                <a:avLst/>
                <a:gdLst>
                  <a:gd name="connsiteX0" fmla="*/ 0 w 406956"/>
                  <a:gd name="connsiteY0" fmla="*/ 0 h 645425"/>
                  <a:gd name="connsiteX1" fmla="*/ 406957 w 406956"/>
                  <a:gd name="connsiteY1" fmla="*/ 0 h 645425"/>
                  <a:gd name="connsiteX2" fmla="*/ 406957 w 406956"/>
                  <a:gd name="connsiteY2" fmla="*/ 645426 h 645425"/>
                  <a:gd name="connsiteX3" fmla="*/ 0 w 406956"/>
                  <a:gd name="connsiteY3" fmla="*/ 645426 h 645425"/>
                </a:gdLst>
                <a:ahLst/>
                <a:cxnLst>
                  <a:cxn ang="0">
                    <a:pos x="connsiteX0" y="connsiteY0"/>
                  </a:cxn>
                  <a:cxn ang="0">
                    <a:pos x="connsiteX1" y="connsiteY1"/>
                  </a:cxn>
                  <a:cxn ang="0">
                    <a:pos x="connsiteX2" y="connsiteY2"/>
                  </a:cxn>
                  <a:cxn ang="0">
                    <a:pos x="connsiteX3" y="connsiteY3"/>
                  </a:cxn>
                </a:cxnLst>
                <a:rect l="l" t="t" r="r" b="b"/>
                <a:pathLst>
                  <a:path w="406956" h="645425">
                    <a:moveTo>
                      <a:pt x="0" y="0"/>
                    </a:moveTo>
                    <a:lnTo>
                      <a:pt x="406957" y="0"/>
                    </a:lnTo>
                    <a:lnTo>
                      <a:pt x="406957" y="645426"/>
                    </a:lnTo>
                    <a:lnTo>
                      <a:pt x="0" y="645426"/>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93" name="Freeform: Shape 892">
                <a:extLst>
                  <a:ext uri="{FF2B5EF4-FFF2-40B4-BE49-F238E27FC236}">
                    <a16:creationId xmlns:a16="http://schemas.microsoft.com/office/drawing/2014/main" id="{454B81A1-DCFB-D4B4-50E7-F758F9F4EE7A}"/>
                  </a:ext>
                </a:extLst>
              </p:cNvPr>
              <p:cNvSpPr/>
              <p:nvPr/>
            </p:nvSpPr>
            <p:spPr>
              <a:xfrm>
                <a:off x="12387994" y="10205015"/>
                <a:ext cx="121960" cy="243920"/>
              </a:xfrm>
              <a:custGeom>
                <a:avLst/>
                <a:gdLst>
                  <a:gd name="connsiteX0" fmla="*/ 0 w 121960"/>
                  <a:gd name="connsiteY0" fmla="*/ 0 h 243920"/>
                  <a:gd name="connsiteX1" fmla="*/ 121960 w 121960"/>
                  <a:gd name="connsiteY1" fmla="*/ 0 h 243920"/>
                  <a:gd name="connsiteX2" fmla="*/ 121960 w 121960"/>
                  <a:gd name="connsiteY2" fmla="*/ 243920 h 243920"/>
                  <a:gd name="connsiteX3" fmla="*/ 0 w 121960"/>
                  <a:gd name="connsiteY3" fmla="*/ 243920 h 243920"/>
                </a:gdLst>
                <a:ahLst/>
                <a:cxnLst>
                  <a:cxn ang="0">
                    <a:pos x="connsiteX0" y="connsiteY0"/>
                  </a:cxn>
                  <a:cxn ang="0">
                    <a:pos x="connsiteX1" y="connsiteY1"/>
                  </a:cxn>
                  <a:cxn ang="0">
                    <a:pos x="connsiteX2" y="connsiteY2"/>
                  </a:cxn>
                  <a:cxn ang="0">
                    <a:pos x="connsiteX3" y="connsiteY3"/>
                  </a:cxn>
                </a:cxnLst>
                <a:rect l="l" t="t" r="r" b="b"/>
                <a:pathLst>
                  <a:path w="121960" h="243920">
                    <a:moveTo>
                      <a:pt x="0" y="0"/>
                    </a:moveTo>
                    <a:lnTo>
                      <a:pt x="121960" y="0"/>
                    </a:lnTo>
                    <a:lnTo>
                      <a:pt x="121960" y="243920"/>
                    </a:lnTo>
                    <a:lnTo>
                      <a:pt x="0" y="24392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94" name="Freeform: Shape 893">
                <a:extLst>
                  <a:ext uri="{FF2B5EF4-FFF2-40B4-BE49-F238E27FC236}">
                    <a16:creationId xmlns:a16="http://schemas.microsoft.com/office/drawing/2014/main" id="{30AEB745-A3EB-0E6C-5025-75F35C5826DE}"/>
                  </a:ext>
                </a:extLst>
              </p:cNvPr>
              <p:cNvSpPr/>
              <p:nvPr/>
            </p:nvSpPr>
            <p:spPr>
              <a:xfrm>
                <a:off x="11005102" y="10159375"/>
                <a:ext cx="136919" cy="289560"/>
              </a:xfrm>
              <a:custGeom>
                <a:avLst/>
                <a:gdLst>
                  <a:gd name="connsiteX0" fmla="*/ 0 w 136919"/>
                  <a:gd name="connsiteY0" fmla="*/ 0 h 289560"/>
                  <a:gd name="connsiteX1" fmla="*/ 136920 w 136919"/>
                  <a:gd name="connsiteY1" fmla="*/ 0 h 289560"/>
                  <a:gd name="connsiteX2" fmla="*/ 136920 w 136919"/>
                  <a:gd name="connsiteY2" fmla="*/ 289560 h 289560"/>
                  <a:gd name="connsiteX3" fmla="*/ 0 w 136919"/>
                  <a:gd name="connsiteY3" fmla="*/ 289560 h 289560"/>
                </a:gdLst>
                <a:ahLst/>
                <a:cxnLst>
                  <a:cxn ang="0">
                    <a:pos x="connsiteX0" y="connsiteY0"/>
                  </a:cxn>
                  <a:cxn ang="0">
                    <a:pos x="connsiteX1" y="connsiteY1"/>
                  </a:cxn>
                  <a:cxn ang="0">
                    <a:pos x="connsiteX2" y="connsiteY2"/>
                  </a:cxn>
                  <a:cxn ang="0">
                    <a:pos x="connsiteX3" y="connsiteY3"/>
                  </a:cxn>
                </a:cxnLst>
                <a:rect l="l" t="t" r="r" b="b"/>
                <a:pathLst>
                  <a:path w="136919" h="289560">
                    <a:moveTo>
                      <a:pt x="0" y="0"/>
                    </a:moveTo>
                    <a:lnTo>
                      <a:pt x="136920" y="0"/>
                    </a:lnTo>
                    <a:lnTo>
                      <a:pt x="136920" y="289560"/>
                    </a:lnTo>
                    <a:lnTo>
                      <a:pt x="0" y="2895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95" name="Freeform: Shape 894">
                <a:extLst>
                  <a:ext uri="{FF2B5EF4-FFF2-40B4-BE49-F238E27FC236}">
                    <a16:creationId xmlns:a16="http://schemas.microsoft.com/office/drawing/2014/main" id="{0D505626-C6B0-9801-B224-4D55B9AF4D47}"/>
                  </a:ext>
                </a:extLst>
              </p:cNvPr>
              <p:cNvSpPr/>
              <p:nvPr/>
            </p:nvSpPr>
            <p:spPr>
              <a:xfrm>
                <a:off x="11491929" y="10088760"/>
                <a:ext cx="212225" cy="85828"/>
              </a:xfrm>
              <a:custGeom>
                <a:avLst/>
                <a:gdLst>
                  <a:gd name="connsiteX0" fmla="*/ 0 w 212225"/>
                  <a:gd name="connsiteY0" fmla="*/ 0 h 85828"/>
                  <a:gd name="connsiteX1" fmla="*/ 212226 w 212225"/>
                  <a:gd name="connsiteY1" fmla="*/ 0 h 85828"/>
                  <a:gd name="connsiteX2" fmla="*/ 212226 w 212225"/>
                  <a:gd name="connsiteY2" fmla="*/ 85828 h 85828"/>
                  <a:gd name="connsiteX3" fmla="*/ 0 w 212225"/>
                  <a:gd name="connsiteY3" fmla="*/ 85828 h 85828"/>
                </a:gdLst>
                <a:ahLst/>
                <a:cxnLst>
                  <a:cxn ang="0">
                    <a:pos x="connsiteX0" y="connsiteY0"/>
                  </a:cxn>
                  <a:cxn ang="0">
                    <a:pos x="connsiteX1" y="connsiteY1"/>
                  </a:cxn>
                  <a:cxn ang="0">
                    <a:pos x="connsiteX2" y="connsiteY2"/>
                  </a:cxn>
                  <a:cxn ang="0">
                    <a:pos x="connsiteX3" y="connsiteY3"/>
                  </a:cxn>
                </a:cxnLst>
                <a:rect l="l" t="t" r="r" b="b"/>
                <a:pathLst>
                  <a:path w="212225" h="85828">
                    <a:moveTo>
                      <a:pt x="0" y="0"/>
                    </a:moveTo>
                    <a:lnTo>
                      <a:pt x="212226" y="0"/>
                    </a:lnTo>
                    <a:lnTo>
                      <a:pt x="212226" y="85828"/>
                    </a:lnTo>
                    <a:lnTo>
                      <a:pt x="0" y="8582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96" name="Freeform: Shape 895">
                <a:extLst>
                  <a:ext uri="{FF2B5EF4-FFF2-40B4-BE49-F238E27FC236}">
                    <a16:creationId xmlns:a16="http://schemas.microsoft.com/office/drawing/2014/main" id="{6613EDA3-8A32-237E-1708-3774F349EC68}"/>
                  </a:ext>
                </a:extLst>
              </p:cNvPr>
              <p:cNvSpPr/>
              <p:nvPr/>
            </p:nvSpPr>
            <p:spPr>
              <a:xfrm>
                <a:off x="11232541" y="10088760"/>
                <a:ext cx="212225" cy="85828"/>
              </a:xfrm>
              <a:custGeom>
                <a:avLst/>
                <a:gdLst>
                  <a:gd name="connsiteX0" fmla="*/ 0 w 212225"/>
                  <a:gd name="connsiteY0" fmla="*/ 0 h 85828"/>
                  <a:gd name="connsiteX1" fmla="*/ 212226 w 212225"/>
                  <a:gd name="connsiteY1" fmla="*/ 0 h 85828"/>
                  <a:gd name="connsiteX2" fmla="*/ 212226 w 212225"/>
                  <a:gd name="connsiteY2" fmla="*/ 85828 h 85828"/>
                  <a:gd name="connsiteX3" fmla="*/ 0 w 212225"/>
                  <a:gd name="connsiteY3" fmla="*/ 85828 h 85828"/>
                </a:gdLst>
                <a:ahLst/>
                <a:cxnLst>
                  <a:cxn ang="0">
                    <a:pos x="connsiteX0" y="connsiteY0"/>
                  </a:cxn>
                  <a:cxn ang="0">
                    <a:pos x="connsiteX1" y="connsiteY1"/>
                  </a:cxn>
                  <a:cxn ang="0">
                    <a:pos x="connsiteX2" y="connsiteY2"/>
                  </a:cxn>
                  <a:cxn ang="0">
                    <a:pos x="connsiteX3" y="connsiteY3"/>
                  </a:cxn>
                </a:cxnLst>
                <a:rect l="l" t="t" r="r" b="b"/>
                <a:pathLst>
                  <a:path w="212225" h="85828">
                    <a:moveTo>
                      <a:pt x="0" y="0"/>
                    </a:moveTo>
                    <a:lnTo>
                      <a:pt x="212226" y="0"/>
                    </a:lnTo>
                    <a:lnTo>
                      <a:pt x="212226" y="85828"/>
                    </a:lnTo>
                    <a:lnTo>
                      <a:pt x="0" y="8582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97" name="Freeform: Shape 896">
                <a:extLst>
                  <a:ext uri="{FF2B5EF4-FFF2-40B4-BE49-F238E27FC236}">
                    <a16:creationId xmlns:a16="http://schemas.microsoft.com/office/drawing/2014/main" id="{6FC78721-28CF-A55B-8E50-64E05D99B080}"/>
                  </a:ext>
                </a:extLst>
              </p:cNvPr>
              <p:cNvSpPr/>
              <p:nvPr/>
            </p:nvSpPr>
            <p:spPr>
              <a:xfrm>
                <a:off x="11232541" y="9955516"/>
                <a:ext cx="212225" cy="85828"/>
              </a:xfrm>
              <a:custGeom>
                <a:avLst/>
                <a:gdLst>
                  <a:gd name="connsiteX0" fmla="*/ 0 w 212225"/>
                  <a:gd name="connsiteY0" fmla="*/ 0 h 85828"/>
                  <a:gd name="connsiteX1" fmla="*/ 212226 w 212225"/>
                  <a:gd name="connsiteY1" fmla="*/ 0 h 85828"/>
                  <a:gd name="connsiteX2" fmla="*/ 212226 w 212225"/>
                  <a:gd name="connsiteY2" fmla="*/ 85828 h 85828"/>
                  <a:gd name="connsiteX3" fmla="*/ 0 w 212225"/>
                  <a:gd name="connsiteY3" fmla="*/ 85828 h 85828"/>
                </a:gdLst>
                <a:ahLst/>
                <a:cxnLst>
                  <a:cxn ang="0">
                    <a:pos x="connsiteX0" y="connsiteY0"/>
                  </a:cxn>
                  <a:cxn ang="0">
                    <a:pos x="connsiteX1" y="connsiteY1"/>
                  </a:cxn>
                  <a:cxn ang="0">
                    <a:pos x="connsiteX2" y="connsiteY2"/>
                  </a:cxn>
                  <a:cxn ang="0">
                    <a:pos x="connsiteX3" y="connsiteY3"/>
                  </a:cxn>
                </a:cxnLst>
                <a:rect l="l" t="t" r="r" b="b"/>
                <a:pathLst>
                  <a:path w="212225" h="85828">
                    <a:moveTo>
                      <a:pt x="0" y="0"/>
                    </a:moveTo>
                    <a:lnTo>
                      <a:pt x="212226" y="0"/>
                    </a:lnTo>
                    <a:lnTo>
                      <a:pt x="212226" y="85828"/>
                    </a:lnTo>
                    <a:lnTo>
                      <a:pt x="0" y="8582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98" name="Freeform: Shape 897">
                <a:extLst>
                  <a:ext uri="{FF2B5EF4-FFF2-40B4-BE49-F238E27FC236}">
                    <a16:creationId xmlns:a16="http://schemas.microsoft.com/office/drawing/2014/main" id="{73714730-B2F3-71B9-0C3F-53C68C3D9D80}"/>
                  </a:ext>
                </a:extLst>
              </p:cNvPr>
              <p:cNvSpPr/>
              <p:nvPr/>
            </p:nvSpPr>
            <p:spPr>
              <a:xfrm>
                <a:off x="11751443" y="10088760"/>
                <a:ext cx="212225" cy="85828"/>
              </a:xfrm>
              <a:custGeom>
                <a:avLst/>
                <a:gdLst>
                  <a:gd name="connsiteX0" fmla="*/ 0 w 212225"/>
                  <a:gd name="connsiteY0" fmla="*/ 0 h 85828"/>
                  <a:gd name="connsiteX1" fmla="*/ 212226 w 212225"/>
                  <a:gd name="connsiteY1" fmla="*/ 0 h 85828"/>
                  <a:gd name="connsiteX2" fmla="*/ 212226 w 212225"/>
                  <a:gd name="connsiteY2" fmla="*/ 85828 h 85828"/>
                  <a:gd name="connsiteX3" fmla="*/ 0 w 212225"/>
                  <a:gd name="connsiteY3" fmla="*/ 85828 h 85828"/>
                </a:gdLst>
                <a:ahLst/>
                <a:cxnLst>
                  <a:cxn ang="0">
                    <a:pos x="connsiteX0" y="connsiteY0"/>
                  </a:cxn>
                  <a:cxn ang="0">
                    <a:pos x="connsiteX1" y="connsiteY1"/>
                  </a:cxn>
                  <a:cxn ang="0">
                    <a:pos x="connsiteX2" y="connsiteY2"/>
                  </a:cxn>
                  <a:cxn ang="0">
                    <a:pos x="connsiteX3" y="connsiteY3"/>
                  </a:cxn>
                </a:cxnLst>
                <a:rect l="l" t="t" r="r" b="b"/>
                <a:pathLst>
                  <a:path w="212225" h="85828">
                    <a:moveTo>
                      <a:pt x="0" y="0"/>
                    </a:moveTo>
                    <a:lnTo>
                      <a:pt x="212226" y="0"/>
                    </a:lnTo>
                    <a:lnTo>
                      <a:pt x="212226" y="85828"/>
                    </a:lnTo>
                    <a:lnTo>
                      <a:pt x="0" y="8582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899" name="Freeform: Shape 898">
                <a:extLst>
                  <a:ext uri="{FF2B5EF4-FFF2-40B4-BE49-F238E27FC236}">
                    <a16:creationId xmlns:a16="http://schemas.microsoft.com/office/drawing/2014/main" id="{10E181AA-27FD-8BA6-3821-AECB797291A9}"/>
                  </a:ext>
                </a:extLst>
              </p:cNvPr>
              <p:cNvSpPr/>
              <p:nvPr/>
            </p:nvSpPr>
            <p:spPr>
              <a:xfrm>
                <a:off x="12010957" y="10088760"/>
                <a:ext cx="212225" cy="85828"/>
              </a:xfrm>
              <a:custGeom>
                <a:avLst/>
                <a:gdLst>
                  <a:gd name="connsiteX0" fmla="*/ 0 w 212225"/>
                  <a:gd name="connsiteY0" fmla="*/ 0 h 85828"/>
                  <a:gd name="connsiteX1" fmla="*/ 212226 w 212225"/>
                  <a:gd name="connsiteY1" fmla="*/ 0 h 85828"/>
                  <a:gd name="connsiteX2" fmla="*/ 212226 w 212225"/>
                  <a:gd name="connsiteY2" fmla="*/ 85828 h 85828"/>
                  <a:gd name="connsiteX3" fmla="*/ 0 w 212225"/>
                  <a:gd name="connsiteY3" fmla="*/ 85828 h 85828"/>
                </a:gdLst>
                <a:ahLst/>
                <a:cxnLst>
                  <a:cxn ang="0">
                    <a:pos x="connsiteX0" y="connsiteY0"/>
                  </a:cxn>
                  <a:cxn ang="0">
                    <a:pos x="connsiteX1" y="connsiteY1"/>
                  </a:cxn>
                  <a:cxn ang="0">
                    <a:pos x="connsiteX2" y="connsiteY2"/>
                  </a:cxn>
                  <a:cxn ang="0">
                    <a:pos x="connsiteX3" y="connsiteY3"/>
                  </a:cxn>
                </a:cxnLst>
                <a:rect l="l" t="t" r="r" b="b"/>
                <a:pathLst>
                  <a:path w="212225" h="85828">
                    <a:moveTo>
                      <a:pt x="0" y="0"/>
                    </a:moveTo>
                    <a:lnTo>
                      <a:pt x="212226" y="0"/>
                    </a:lnTo>
                    <a:lnTo>
                      <a:pt x="212226" y="85828"/>
                    </a:lnTo>
                    <a:lnTo>
                      <a:pt x="0" y="8582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00" name="Freeform: Shape 899">
                <a:extLst>
                  <a:ext uri="{FF2B5EF4-FFF2-40B4-BE49-F238E27FC236}">
                    <a16:creationId xmlns:a16="http://schemas.microsoft.com/office/drawing/2014/main" id="{2F276730-DAFC-89F9-EEA4-2C2F704B2FE7}"/>
                  </a:ext>
                </a:extLst>
              </p:cNvPr>
              <p:cNvSpPr/>
              <p:nvPr/>
            </p:nvSpPr>
            <p:spPr>
              <a:xfrm>
                <a:off x="12010957" y="9955516"/>
                <a:ext cx="212225" cy="85828"/>
              </a:xfrm>
              <a:custGeom>
                <a:avLst/>
                <a:gdLst>
                  <a:gd name="connsiteX0" fmla="*/ 0 w 212225"/>
                  <a:gd name="connsiteY0" fmla="*/ 0 h 85828"/>
                  <a:gd name="connsiteX1" fmla="*/ 212226 w 212225"/>
                  <a:gd name="connsiteY1" fmla="*/ 0 h 85828"/>
                  <a:gd name="connsiteX2" fmla="*/ 212226 w 212225"/>
                  <a:gd name="connsiteY2" fmla="*/ 85828 h 85828"/>
                  <a:gd name="connsiteX3" fmla="*/ 0 w 212225"/>
                  <a:gd name="connsiteY3" fmla="*/ 85828 h 85828"/>
                </a:gdLst>
                <a:ahLst/>
                <a:cxnLst>
                  <a:cxn ang="0">
                    <a:pos x="connsiteX0" y="connsiteY0"/>
                  </a:cxn>
                  <a:cxn ang="0">
                    <a:pos x="connsiteX1" y="connsiteY1"/>
                  </a:cxn>
                  <a:cxn ang="0">
                    <a:pos x="connsiteX2" y="connsiteY2"/>
                  </a:cxn>
                  <a:cxn ang="0">
                    <a:pos x="connsiteX3" y="connsiteY3"/>
                  </a:cxn>
                </a:cxnLst>
                <a:rect l="l" t="t" r="r" b="b"/>
                <a:pathLst>
                  <a:path w="212225" h="85828">
                    <a:moveTo>
                      <a:pt x="0" y="0"/>
                    </a:moveTo>
                    <a:lnTo>
                      <a:pt x="212226" y="0"/>
                    </a:lnTo>
                    <a:lnTo>
                      <a:pt x="212226" y="85828"/>
                    </a:lnTo>
                    <a:lnTo>
                      <a:pt x="0" y="8582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01" name="Freeform: Shape 900">
                <a:extLst>
                  <a:ext uri="{FF2B5EF4-FFF2-40B4-BE49-F238E27FC236}">
                    <a16:creationId xmlns:a16="http://schemas.microsoft.com/office/drawing/2014/main" id="{0A44D382-38D9-3D49-F0C4-DF69976E22B3}"/>
                  </a:ext>
                </a:extLst>
              </p:cNvPr>
              <p:cNvSpPr/>
              <p:nvPr/>
            </p:nvSpPr>
            <p:spPr>
              <a:xfrm>
                <a:off x="11491929" y="9955516"/>
                <a:ext cx="212225" cy="85828"/>
              </a:xfrm>
              <a:custGeom>
                <a:avLst/>
                <a:gdLst>
                  <a:gd name="connsiteX0" fmla="*/ 0 w 212225"/>
                  <a:gd name="connsiteY0" fmla="*/ 0 h 85828"/>
                  <a:gd name="connsiteX1" fmla="*/ 212226 w 212225"/>
                  <a:gd name="connsiteY1" fmla="*/ 0 h 85828"/>
                  <a:gd name="connsiteX2" fmla="*/ 212226 w 212225"/>
                  <a:gd name="connsiteY2" fmla="*/ 85828 h 85828"/>
                  <a:gd name="connsiteX3" fmla="*/ 0 w 212225"/>
                  <a:gd name="connsiteY3" fmla="*/ 85828 h 85828"/>
                </a:gdLst>
                <a:ahLst/>
                <a:cxnLst>
                  <a:cxn ang="0">
                    <a:pos x="connsiteX0" y="connsiteY0"/>
                  </a:cxn>
                  <a:cxn ang="0">
                    <a:pos x="connsiteX1" y="connsiteY1"/>
                  </a:cxn>
                  <a:cxn ang="0">
                    <a:pos x="connsiteX2" y="connsiteY2"/>
                  </a:cxn>
                  <a:cxn ang="0">
                    <a:pos x="connsiteX3" y="connsiteY3"/>
                  </a:cxn>
                </a:cxnLst>
                <a:rect l="l" t="t" r="r" b="b"/>
                <a:pathLst>
                  <a:path w="212225" h="85828">
                    <a:moveTo>
                      <a:pt x="0" y="0"/>
                    </a:moveTo>
                    <a:lnTo>
                      <a:pt x="212226" y="0"/>
                    </a:lnTo>
                    <a:lnTo>
                      <a:pt x="212226" y="85828"/>
                    </a:lnTo>
                    <a:lnTo>
                      <a:pt x="0" y="8582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02" name="Freeform: Shape 901">
                <a:extLst>
                  <a:ext uri="{FF2B5EF4-FFF2-40B4-BE49-F238E27FC236}">
                    <a16:creationId xmlns:a16="http://schemas.microsoft.com/office/drawing/2014/main" id="{264B0F6F-68F9-385D-52FF-E7CCFF239C79}"/>
                  </a:ext>
                </a:extLst>
              </p:cNvPr>
              <p:cNvSpPr/>
              <p:nvPr/>
            </p:nvSpPr>
            <p:spPr>
              <a:xfrm>
                <a:off x="11751443" y="9955516"/>
                <a:ext cx="212225" cy="85828"/>
              </a:xfrm>
              <a:custGeom>
                <a:avLst/>
                <a:gdLst>
                  <a:gd name="connsiteX0" fmla="*/ 0 w 212225"/>
                  <a:gd name="connsiteY0" fmla="*/ 0 h 85828"/>
                  <a:gd name="connsiteX1" fmla="*/ 212226 w 212225"/>
                  <a:gd name="connsiteY1" fmla="*/ 0 h 85828"/>
                  <a:gd name="connsiteX2" fmla="*/ 212226 w 212225"/>
                  <a:gd name="connsiteY2" fmla="*/ 85828 h 85828"/>
                  <a:gd name="connsiteX3" fmla="*/ 0 w 212225"/>
                  <a:gd name="connsiteY3" fmla="*/ 85828 h 85828"/>
                </a:gdLst>
                <a:ahLst/>
                <a:cxnLst>
                  <a:cxn ang="0">
                    <a:pos x="connsiteX0" y="connsiteY0"/>
                  </a:cxn>
                  <a:cxn ang="0">
                    <a:pos x="connsiteX1" y="connsiteY1"/>
                  </a:cxn>
                  <a:cxn ang="0">
                    <a:pos x="connsiteX2" y="connsiteY2"/>
                  </a:cxn>
                  <a:cxn ang="0">
                    <a:pos x="connsiteX3" y="connsiteY3"/>
                  </a:cxn>
                </a:cxnLst>
                <a:rect l="l" t="t" r="r" b="b"/>
                <a:pathLst>
                  <a:path w="212225" h="85828">
                    <a:moveTo>
                      <a:pt x="0" y="0"/>
                    </a:moveTo>
                    <a:lnTo>
                      <a:pt x="212226" y="0"/>
                    </a:lnTo>
                    <a:lnTo>
                      <a:pt x="212226" y="85828"/>
                    </a:lnTo>
                    <a:lnTo>
                      <a:pt x="0" y="8582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03" name="Freeform: Shape 902">
                <a:extLst>
                  <a:ext uri="{FF2B5EF4-FFF2-40B4-BE49-F238E27FC236}">
                    <a16:creationId xmlns:a16="http://schemas.microsoft.com/office/drawing/2014/main" id="{2E14F5BC-610C-F943-E59E-9C1A98546D96}"/>
                  </a:ext>
                </a:extLst>
              </p:cNvPr>
              <p:cNvSpPr/>
              <p:nvPr/>
            </p:nvSpPr>
            <p:spPr>
              <a:xfrm>
                <a:off x="12429070" y="9996339"/>
                <a:ext cx="212225" cy="85828"/>
              </a:xfrm>
              <a:custGeom>
                <a:avLst/>
                <a:gdLst>
                  <a:gd name="connsiteX0" fmla="*/ 0 w 212225"/>
                  <a:gd name="connsiteY0" fmla="*/ 0 h 85828"/>
                  <a:gd name="connsiteX1" fmla="*/ 212226 w 212225"/>
                  <a:gd name="connsiteY1" fmla="*/ 0 h 85828"/>
                  <a:gd name="connsiteX2" fmla="*/ 212226 w 212225"/>
                  <a:gd name="connsiteY2" fmla="*/ 85828 h 85828"/>
                  <a:gd name="connsiteX3" fmla="*/ 0 w 212225"/>
                  <a:gd name="connsiteY3" fmla="*/ 85828 h 85828"/>
                </a:gdLst>
                <a:ahLst/>
                <a:cxnLst>
                  <a:cxn ang="0">
                    <a:pos x="connsiteX0" y="connsiteY0"/>
                  </a:cxn>
                  <a:cxn ang="0">
                    <a:pos x="connsiteX1" y="connsiteY1"/>
                  </a:cxn>
                  <a:cxn ang="0">
                    <a:pos x="connsiteX2" y="connsiteY2"/>
                  </a:cxn>
                  <a:cxn ang="0">
                    <a:pos x="connsiteX3" y="connsiteY3"/>
                  </a:cxn>
                </a:cxnLst>
                <a:rect l="l" t="t" r="r" b="b"/>
                <a:pathLst>
                  <a:path w="212225" h="85828">
                    <a:moveTo>
                      <a:pt x="0" y="0"/>
                    </a:moveTo>
                    <a:lnTo>
                      <a:pt x="212226" y="0"/>
                    </a:lnTo>
                    <a:lnTo>
                      <a:pt x="212226" y="85828"/>
                    </a:lnTo>
                    <a:lnTo>
                      <a:pt x="0" y="8582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04" name="Freeform: Shape 903">
                <a:extLst>
                  <a:ext uri="{FF2B5EF4-FFF2-40B4-BE49-F238E27FC236}">
                    <a16:creationId xmlns:a16="http://schemas.microsoft.com/office/drawing/2014/main" id="{F3DE67ED-F971-A7A5-FF80-3BE8817B2553}"/>
                  </a:ext>
                </a:extLst>
              </p:cNvPr>
              <p:cNvSpPr/>
              <p:nvPr/>
            </p:nvSpPr>
            <p:spPr>
              <a:xfrm>
                <a:off x="12429070" y="9863095"/>
                <a:ext cx="212225" cy="85828"/>
              </a:xfrm>
              <a:custGeom>
                <a:avLst/>
                <a:gdLst>
                  <a:gd name="connsiteX0" fmla="*/ 0 w 212225"/>
                  <a:gd name="connsiteY0" fmla="*/ 0 h 85828"/>
                  <a:gd name="connsiteX1" fmla="*/ 212226 w 212225"/>
                  <a:gd name="connsiteY1" fmla="*/ 0 h 85828"/>
                  <a:gd name="connsiteX2" fmla="*/ 212226 w 212225"/>
                  <a:gd name="connsiteY2" fmla="*/ 85829 h 85828"/>
                  <a:gd name="connsiteX3" fmla="*/ 0 w 212225"/>
                  <a:gd name="connsiteY3" fmla="*/ 85829 h 85828"/>
                </a:gdLst>
                <a:ahLst/>
                <a:cxnLst>
                  <a:cxn ang="0">
                    <a:pos x="connsiteX0" y="connsiteY0"/>
                  </a:cxn>
                  <a:cxn ang="0">
                    <a:pos x="connsiteX1" y="connsiteY1"/>
                  </a:cxn>
                  <a:cxn ang="0">
                    <a:pos x="connsiteX2" y="connsiteY2"/>
                  </a:cxn>
                  <a:cxn ang="0">
                    <a:pos x="connsiteX3" y="connsiteY3"/>
                  </a:cxn>
                </a:cxnLst>
                <a:rect l="l" t="t" r="r" b="b"/>
                <a:pathLst>
                  <a:path w="212225" h="85828">
                    <a:moveTo>
                      <a:pt x="0" y="0"/>
                    </a:moveTo>
                    <a:lnTo>
                      <a:pt x="212226" y="0"/>
                    </a:lnTo>
                    <a:lnTo>
                      <a:pt x="212226" y="85829"/>
                    </a:lnTo>
                    <a:lnTo>
                      <a:pt x="0" y="85829"/>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905" name="Graphic 778">
              <a:extLst>
                <a:ext uri="{FF2B5EF4-FFF2-40B4-BE49-F238E27FC236}">
                  <a16:creationId xmlns:a16="http://schemas.microsoft.com/office/drawing/2014/main" id="{1D66B175-E10D-F081-44AE-664370273624}"/>
                </a:ext>
              </a:extLst>
            </p:cNvPr>
            <p:cNvGrpSpPr/>
            <p:nvPr/>
          </p:nvGrpSpPr>
          <p:grpSpPr>
            <a:xfrm>
              <a:off x="17568015" y="8848873"/>
              <a:ext cx="659615" cy="264839"/>
              <a:chOff x="17568015" y="8848873"/>
              <a:chExt cx="659615" cy="264839"/>
            </a:xfrm>
            <a:solidFill>
              <a:srgbClr val="FFFFFF"/>
            </a:solidFill>
          </p:grpSpPr>
          <p:sp>
            <p:nvSpPr>
              <p:cNvPr id="906" name="Freeform: Shape 905">
                <a:extLst>
                  <a:ext uri="{FF2B5EF4-FFF2-40B4-BE49-F238E27FC236}">
                    <a16:creationId xmlns:a16="http://schemas.microsoft.com/office/drawing/2014/main" id="{0CC2E9F3-9141-2C9A-2EF4-8C9E8DA6893A}"/>
                  </a:ext>
                </a:extLst>
              </p:cNvPr>
              <p:cNvSpPr/>
              <p:nvPr/>
            </p:nvSpPr>
            <p:spPr>
              <a:xfrm>
                <a:off x="17737761" y="9076820"/>
                <a:ext cx="79236" cy="36892"/>
              </a:xfrm>
              <a:custGeom>
                <a:avLst/>
                <a:gdLst>
                  <a:gd name="connsiteX0" fmla="*/ 79236 w 79236"/>
                  <a:gd name="connsiteY0" fmla="*/ 0 h 36892"/>
                  <a:gd name="connsiteX1" fmla="*/ 39681 w 79236"/>
                  <a:gd name="connsiteY1" fmla="*/ 36892 h 36892"/>
                  <a:gd name="connsiteX2" fmla="*/ 0 w 79236"/>
                  <a:gd name="connsiteY2" fmla="*/ 0 h 36892"/>
                  <a:gd name="connsiteX3" fmla="*/ 79236 w 79236"/>
                  <a:gd name="connsiteY3" fmla="*/ 0 h 36892"/>
                </a:gdLst>
                <a:ahLst/>
                <a:cxnLst>
                  <a:cxn ang="0">
                    <a:pos x="connsiteX0" y="connsiteY0"/>
                  </a:cxn>
                  <a:cxn ang="0">
                    <a:pos x="connsiteX1" y="connsiteY1"/>
                  </a:cxn>
                  <a:cxn ang="0">
                    <a:pos x="connsiteX2" y="connsiteY2"/>
                  </a:cxn>
                  <a:cxn ang="0">
                    <a:pos x="connsiteX3" y="connsiteY3"/>
                  </a:cxn>
                </a:cxnLst>
                <a:rect l="l" t="t" r="r" b="b"/>
                <a:pathLst>
                  <a:path w="79236" h="36892">
                    <a:moveTo>
                      <a:pt x="79236" y="0"/>
                    </a:moveTo>
                    <a:cubicBezTo>
                      <a:pt x="77715" y="20665"/>
                      <a:pt x="60599" y="36892"/>
                      <a:pt x="39681" y="36892"/>
                    </a:cubicBezTo>
                    <a:cubicBezTo>
                      <a:pt x="18763" y="36892"/>
                      <a:pt x="1521" y="20538"/>
                      <a:pt x="0" y="0"/>
                    </a:cubicBezTo>
                    <a:lnTo>
                      <a:pt x="79236"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07" name="Freeform: Shape 906">
                <a:extLst>
                  <a:ext uri="{FF2B5EF4-FFF2-40B4-BE49-F238E27FC236}">
                    <a16:creationId xmlns:a16="http://schemas.microsoft.com/office/drawing/2014/main" id="{E405BB93-6F27-D6E4-A885-22A67ECEA538}"/>
                  </a:ext>
                </a:extLst>
              </p:cNvPr>
              <p:cNvSpPr/>
              <p:nvPr/>
            </p:nvSpPr>
            <p:spPr>
              <a:xfrm>
                <a:off x="18098064" y="9076820"/>
                <a:ext cx="79109" cy="36892"/>
              </a:xfrm>
              <a:custGeom>
                <a:avLst/>
                <a:gdLst>
                  <a:gd name="connsiteX0" fmla="*/ 59840 w 79109"/>
                  <a:gd name="connsiteY0" fmla="*/ 0 h 36892"/>
                  <a:gd name="connsiteX1" fmla="*/ 79109 w 79109"/>
                  <a:gd name="connsiteY1" fmla="*/ 0 h 36892"/>
                  <a:gd name="connsiteX2" fmla="*/ 39555 w 79109"/>
                  <a:gd name="connsiteY2" fmla="*/ 36892 h 36892"/>
                  <a:gd name="connsiteX3" fmla="*/ 0 w 79109"/>
                  <a:gd name="connsiteY3" fmla="*/ 0 h 36892"/>
                  <a:gd name="connsiteX4" fmla="*/ 59966 w 79109"/>
                  <a:gd name="connsiteY4" fmla="*/ 0 h 368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109" h="36892">
                    <a:moveTo>
                      <a:pt x="59840" y="0"/>
                    </a:moveTo>
                    <a:lnTo>
                      <a:pt x="79109" y="0"/>
                    </a:lnTo>
                    <a:cubicBezTo>
                      <a:pt x="77715" y="20665"/>
                      <a:pt x="60473" y="36892"/>
                      <a:pt x="39555" y="36892"/>
                    </a:cubicBezTo>
                    <a:cubicBezTo>
                      <a:pt x="18637" y="36892"/>
                      <a:pt x="1394" y="20538"/>
                      <a:pt x="0" y="0"/>
                    </a:cubicBezTo>
                    <a:lnTo>
                      <a:pt x="59966"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08" name="Freeform: Shape 907">
                <a:extLst>
                  <a:ext uri="{FF2B5EF4-FFF2-40B4-BE49-F238E27FC236}">
                    <a16:creationId xmlns:a16="http://schemas.microsoft.com/office/drawing/2014/main" id="{173ACB89-C432-366F-F88A-A1B613EAA566}"/>
                  </a:ext>
                </a:extLst>
              </p:cNvPr>
              <p:cNvSpPr/>
              <p:nvPr/>
            </p:nvSpPr>
            <p:spPr>
              <a:xfrm>
                <a:off x="17568015" y="8848873"/>
                <a:ext cx="564278" cy="227946"/>
              </a:xfrm>
              <a:custGeom>
                <a:avLst/>
                <a:gdLst>
                  <a:gd name="connsiteX0" fmla="*/ 1512 w 564278"/>
                  <a:gd name="connsiteY0" fmla="*/ 227947 h 227946"/>
                  <a:gd name="connsiteX1" fmla="*/ 88229 w 564278"/>
                  <a:gd name="connsiteY1" fmla="*/ 128299 h 227946"/>
                  <a:gd name="connsiteX2" fmla="*/ 155801 w 564278"/>
                  <a:gd name="connsiteY2" fmla="*/ 87477 h 227946"/>
                  <a:gd name="connsiteX3" fmla="*/ 197891 w 564278"/>
                  <a:gd name="connsiteY3" fmla="*/ 25356 h 227946"/>
                  <a:gd name="connsiteX4" fmla="*/ 256970 w 564278"/>
                  <a:gd name="connsiteY4" fmla="*/ 0 h 227946"/>
                  <a:gd name="connsiteX5" fmla="*/ 409991 w 564278"/>
                  <a:gd name="connsiteY5" fmla="*/ 0 h 227946"/>
                  <a:gd name="connsiteX6" fmla="*/ 461842 w 564278"/>
                  <a:gd name="connsiteY6" fmla="*/ 13819 h 227946"/>
                  <a:gd name="connsiteX7" fmla="*/ 546023 w 564278"/>
                  <a:gd name="connsiteY7" fmla="*/ 131976 h 227946"/>
                  <a:gd name="connsiteX8" fmla="*/ 564279 w 564278"/>
                  <a:gd name="connsiteY8" fmla="*/ 227947 h 227946"/>
                  <a:gd name="connsiteX9" fmla="*/ 1512 w 564278"/>
                  <a:gd name="connsiteY9" fmla="*/ 227947 h 2279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64278" h="227946">
                    <a:moveTo>
                      <a:pt x="1512" y="227947"/>
                    </a:moveTo>
                    <a:cubicBezTo>
                      <a:pt x="1512" y="227947"/>
                      <a:pt x="-18645" y="128299"/>
                      <a:pt x="88229" y="128299"/>
                    </a:cubicBezTo>
                    <a:cubicBezTo>
                      <a:pt x="138940" y="128299"/>
                      <a:pt x="144518" y="108649"/>
                      <a:pt x="155801" y="87477"/>
                    </a:cubicBezTo>
                    <a:cubicBezTo>
                      <a:pt x="167084" y="66432"/>
                      <a:pt x="190918" y="39428"/>
                      <a:pt x="197891" y="25356"/>
                    </a:cubicBezTo>
                    <a:cubicBezTo>
                      <a:pt x="204864" y="11283"/>
                      <a:pt x="220458" y="0"/>
                      <a:pt x="256970" y="0"/>
                    </a:cubicBezTo>
                    <a:lnTo>
                      <a:pt x="409991" y="0"/>
                    </a:lnTo>
                    <a:cubicBezTo>
                      <a:pt x="435346" y="0"/>
                      <a:pt x="451320" y="4564"/>
                      <a:pt x="461842" y="13819"/>
                    </a:cubicBezTo>
                    <a:cubicBezTo>
                      <a:pt x="483648" y="32962"/>
                      <a:pt x="513568" y="71883"/>
                      <a:pt x="546023" y="131976"/>
                    </a:cubicBezTo>
                    <a:cubicBezTo>
                      <a:pt x="560856" y="159486"/>
                      <a:pt x="562884" y="195111"/>
                      <a:pt x="564279" y="227947"/>
                    </a:cubicBezTo>
                    <a:lnTo>
                      <a:pt x="1512" y="227947"/>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09" name="Freeform: Shape 908">
                <a:extLst>
                  <a:ext uri="{FF2B5EF4-FFF2-40B4-BE49-F238E27FC236}">
                    <a16:creationId xmlns:a16="http://schemas.microsoft.com/office/drawing/2014/main" id="{BFBBB2D8-F507-C01C-4FBA-9B2A29A2A063}"/>
                  </a:ext>
                </a:extLst>
              </p:cNvPr>
              <p:cNvSpPr/>
              <p:nvPr/>
            </p:nvSpPr>
            <p:spPr>
              <a:xfrm>
                <a:off x="17978132" y="8848873"/>
                <a:ext cx="249498" cy="227946"/>
              </a:xfrm>
              <a:custGeom>
                <a:avLst/>
                <a:gdLst>
                  <a:gd name="connsiteX0" fmla="*/ 51852 w 249498"/>
                  <a:gd name="connsiteY0" fmla="*/ 13819 h 227946"/>
                  <a:gd name="connsiteX1" fmla="*/ 0 w 249498"/>
                  <a:gd name="connsiteY1" fmla="*/ 0 h 227946"/>
                  <a:gd name="connsiteX2" fmla="*/ 95209 w 249498"/>
                  <a:gd name="connsiteY2" fmla="*/ 0 h 227946"/>
                  <a:gd name="connsiteX3" fmla="*/ 147062 w 249498"/>
                  <a:gd name="connsiteY3" fmla="*/ 13819 h 227946"/>
                  <a:gd name="connsiteX4" fmla="*/ 231242 w 249498"/>
                  <a:gd name="connsiteY4" fmla="*/ 131976 h 227946"/>
                  <a:gd name="connsiteX5" fmla="*/ 249499 w 249498"/>
                  <a:gd name="connsiteY5" fmla="*/ 227947 h 227946"/>
                  <a:gd name="connsiteX6" fmla="*/ 154288 w 249498"/>
                  <a:gd name="connsiteY6" fmla="*/ 227947 h 227946"/>
                  <a:gd name="connsiteX7" fmla="*/ 136032 w 249498"/>
                  <a:gd name="connsiteY7" fmla="*/ 131976 h 227946"/>
                  <a:gd name="connsiteX8" fmla="*/ 51852 w 249498"/>
                  <a:gd name="connsiteY8" fmla="*/ 13819 h 2279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9498" h="227946">
                    <a:moveTo>
                      <a:pt x="51852" y="13819"/>
                    </a:moveTo>
                    <a:cubicBezTo>
                      <a:pt x="41329" y="4564"/>
                      <a:pt x="25229" y="0"/>
                      <a:pt x="0" y="0"/>
                    </a:cubicBezTo>
                    <a:lnTo>
                      <a:pt x="95209" y="0"/>
                    </a:lnTo>
                    <a:cubicBezTo>
                      <a:pt x="120565" y="0"/>
                      <a:pt x="136539" y="4564"/>
                      <a:pt x="147062" y="13819"/>
                    </a:cubicBezTo>
                    <a:cubicBezTo>
                      <a:pt x="168867" y="32962"/>
                      <a:pt x="198787" y="71883"/>
                      <a:pt x="231242" y="131976"/>
                    </a:cubicBezTo>
                    <a:cubicBezTo>
                      <a:pt x="246075" y="159486"/>
                      <a:pt x="248103" y="195111"/>
                      <a:pt x="249499" y="227947"/>
                    </a:cubicBezTo>
                    <a:lnTo>
                      <a:pt x="154288" y="227947"/>
                    </a:lnTo>
                    <a:cubicBezTo>
                      <a:pt x="152894" y="195111"/>
                      <a:pt x="150865" y="159486"/>
                      <a:pt x="136032" y="131976"/>
                    </a:cubicBezTo>
                    <a:cubicBezTo>
                      <a:pt x="103704" y="71883"/>
                      <a:pt x="73658" y="32962"/>
                      <a:pt x="51852" y="13819"/>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10" name="Freeform: Shape 909">
                <a:extLst>
                  <a:ext uri="{FF2B5EF4-FFF2-40B4-BE49-F238E27FC236}">
                    <a16:creationId xmlns:a16="http://schemas.microsoft.com/office/drawing/2014/main" id="{B674B9E5-C3AE-B95E-82F2-FFE17631C9B9}"/>
                  </a:ext>
                </a:extLst>
              </p:cNvPr>
              <p:cNvSpPr/>
              <p:nvPr/>
            </p:nvSpPr>
            <p:spPr>
              <a:xfrm>
                <a:off x="17621633" y="9034222"/>
                <a:ext cx="79616" cy="79489"/>
              </a:xfrm>
              <a:custGeom>
                <a:avLst/>
                <a:gdLst>
                  <a:gd name="connsiteX0" fmla="*/ 39808 w 79616"/>
                  <a:gd name="connsiteY0" fmla="*/ 0 h 79489"/>
                  <a:gd name="connsiteX1" fmla="*/ 0 w 79616"/>
                  <a:gd name="connsiteY1" fmla="*/ 39808 h 79489"/>
                  <a:gd name="connsiteX2" fmla="*/ 127 w 79616"/>
                  <a:gd name="connsiteY2" fmla="*/ 42597 h 79489"/>
                  <a:gd name="connsiteX3" fmla="*/ 39808 w 79616"/>
                  <a:gd name="connsiteY3" fmla="*/ 79490 h 79489"/>
                  <a:gd name="connsiteX4" fmla="*/ 79363 w 79616"/>
                  <a:gd name="connsiteY4" fmla="*/ 42597 h 79489"/>
                  <a:gd name="connsiteX5" fmla="*/ 79617 w 79616"/>
                  <a:gd name="connsiteY5" fmla="*/ 39808 h 79489"/>
                  <a:gd name="connsiteX6" fmla="*/ 39808 w 79616"/>
                  <a:gd name="connsiteY6" fmla="*/ 0 h 79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9616" h="79489">
                    <a:moveTo>
                      <a:pt x="39808" y="0"/>
                    </a:moveTo>
                    <a:cubicBezTo>
                      <a:pt x="17876" y="0"/>
                      <a:pt x="0" y="17749"/>
                      <a:pt x="0" y="39808"/>
                    </a:cubicBezTo>
                    <a:cubicBezTo>
                      <a:pt x="0" y="40822"/>
                      <a:pt x="0" y="41710"/>
                      <a:pt x="127" y="42597"/>
                    </a:cubicBezTo>
                    <a:cubicBezTo>
                      <a:pt x="1648" y="63262"/>
                      <a:pt x="18764" y="79490"/>
                      <a:pt x="39808" y="79490"/>
                    </a:cubicBezTo>
                    <a:cubicBezTo>
                      <a:pt x="60854" y="79490"/>
                      <a:pt x="77969" y="63135"/>
                      <a:pt x="79363" y="42597"/>
                    </a:cubicBezTo>
                    <a:cubicBezTo>
                      <a:pt x="79363" y="41710"/>
                      <a:pt x="79617" y="40696"/>
                      <a:pt x="79617" y="39808"/>
                    </a:cubicBezTo>
                    <a:cubicBezTo>
                      <a:pt x="79617" y="17876"/>
                      <a:pt x="61741" y="0"/>
                      <a:pt x="39808"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11" name="Freeform: Shape 910">
                <a:extLst>
                  <a:ext uri="{FF2B5EF4-FFF2-40B4-BE49-F238E27FC236}">
                    <a16:creationId xmlns:a16="http://schemas.microsoft.com/office/drawing/2014/main" id="{3E0F0848-C0E0-4624-5949-4B656F930DF0}"/>
                  </a:ext>
                </a:extLst>
              </p:cNvPr>
              <p:cNvSpPr/>
              <p:nvPr/>
            </p:nvSpPr>
            <p:spPr>
              <a:xfrm>
                <a:off x="17981935" y="9034222"/>
                <a:ext cx="79362" cy="79489"/>
              </a:xfrm>
              <a:custGeom>
                <a:avLst/>
                <a:gdLst>
                  <a:gd name="connsiteX0" fmla="*/ 39681 w 79362"/>
                  <a:gd name="connsiteY0" fmla="*/ 0 h 79489"/>
                  <a:gd name="connsiteX1" fmla="*/ 0 w 79362"/>
                  <a:gd name="connsiteY1" fmla="*/ 39808 h 79489"/>
                  <a:gd name="connsiteX2" fmla="*/ 127 w 79362"/>
                  <a:gd name="connsiteY2" fmla="*/ 42597 h 79489"/>
                  <a:gd name="connsiteX3" fmla="*/ 39681 w 79362"/>
                  <a:gd name="connsiteY3" fmla="*/ 79490 h 79489"/>
                  <a:gd name="connsiteX4" fmla="*/ 79236 w 79362"/>
                  <a:gd name="connsiteY4" fmla="*/ 42597 h 79489"/>
                  <a:gd name="connsiteX5" fmla="*/ 79363 w 79362"/>
                  <a:gd name="connsiteY5" fmla="*/ 39808 h 79489"/>
                  <a:gd name="connsiteX6" fmla="*/ 39555 w 79362"/>
                  <a:gd name="connsiteY6" fmla="*/ 0 h 79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9362" h="79489">
                    <a:moveTo>
                      <a:pt x="39681" y="0"/>
                    </a:moveTo>
                    <a:cubicBezTo>
                      <a:pt x="17622" y="0"/>
                      <a:pt x="0" y="17749"/>
                      <a:pt x="0" y="39808"/>
                    </a:cubicBezTo>
                    <a:cubicBezTo>
                      <a:pt x="0" y="40822"/>
                      <a:pt x="0" y="41710"/>
                      <a:pt x="127" y="42597"/>
                    </a:cubicBezTo>
                    <a:cubicBezTo>
                      <a:pt x="1521" y="63262"/>
                      <a:pt x="18763" y="79490"/>
                      <a:pt x="39681" y="79490"/>
                    </a:cubicBezTo>
                    <a:cubicBezTo>
                      <a:pt x="60599" y="79490"/>
                      <a:pt x="77841" y="63135"/>
                      <a:pt x="79236" y="42597"/>
                    </a:cubicBezTo>
                    <a:cubicBezTo>
                      <a:pt x="79236" y="41710"/>
                      <a:pt x="79363" y="40696"/>
                      <a:pt x="79363" y="39808"/>
                    </a:cubicBezTo>
                    <a:cubicBezTo>
                      <a:pt x="79363" y="17876"/>
                      <a:pt x="61614" y="0"/>
                      <a:pt x="39555"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12" name="Freeform: Shape 911">
                <a:extLst>
                  <a:ext uri="{FF2B5EF4-FFF2-40B4-BE49-F238E27FC236}">
                    <a16:creationId xmlns:a16="http://schemas.microsoft.com/office/drawing/2014/main" id="{DAD66359-B6CF-4741-F932-E57D3B580151}"/>
                  </a:ext>
                </a:extLst>
              </p:cNvPr>
              <p:cNvSpPr/>
              <p:nvPr/>
            </p:nvSpPr>
            <p:spPr>
              <a:xfrm>
                <a:off x="18006530" y="8873341"/>
                <a:ext cx="102309" cy="97872"/>
              </a:xfrm>
              <a:custGeom>
                <a:avLst/>
                <a:gdLst>
                  <a:gd name="connsiteX0" fmla="*/ 19397 w 102309"/>
                  <a:gd name="connsiteY0" fmla="*/ 0 h 97872"/>
                  <a:gd name="connsiteX1" fmla="*/ 16988 w 102309"/>
                  <a:gd name="connsiteY1" fmla="*/ 0 h 97872"/>
                  <a:gd name="connsiteX2" fmla="*/ 0 w 102309"/>
                  <a:gd name="connsiteY2" fmla="*/ 16988 h 97872"/>
                  <a:gd name="connsiteX3" fmla="*/ 0 w 102309"/>
                  <a:gd name="connsiteY3" fmla="*/ 95083 h 97872"/>
                  <a:gd name="connsiteX4" fmla="*/ 507 w 102309"/>
                  <a:gd name="connsiteY4" fmla="*/ 97872 h 97872"/>
                  <a:gd name="connsiteX5" fmla="*/ 102310 w 102309"/>
                  <a:gd name="connsiteY5" fmla="*/ 97872 h 97872"/>
                  <a:gd name="connsiteX6" fmla="*/ 34356 w 102309"/>
                  <a:gd name="connsiteY6" fmla="*/ 0 h 97872"/>
                  <a:gd name="connsiteX7" fmla="*/ 19397 w 102309"/>
                  <a:gd name="connsiteY7" fmla="*/ 0 h 978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2309" h="97872">
                    <a:moveTo>
                      <a:pt x="19397" y="0"/>
                    </a:moveTo>
                    <a:lnTo>
                      <a:pt x="16988" y="0"/>
                    </a:lnTo>
                    <a:cubicBezTo>
                      <a:pt x="7606" y="0"/>
                      <a:pt x="0" y="7607"/>
                      <a:pt x="0" y="16988"/>
                    </a:cubicBezTo>
                    <a:lnTo>
                      <a:pt x="0" y="95083"/>
                    </a:lnTo>
                    <a:cubicBezTo>
                      <a:pt x="0" y="96098"/>
                      <a:pt x="380" y="96985"/>
                      <a:pt x="507" y="97872"/>
                    </a:cubicBezTo>
                    <a:lnTo>
                      <a:pt x="102310" y="97872"/>
                    </a:lnTo>
                    <a:cubicBezTo>
                      <a:pt x="76954" y="52486"/>
                      <a:pt x="53500" y="19904"/>
                      <a:pt x="34356" y="0"/>
                    </a:cubicBezTo>
                    <a:lnTo>
                      <a:pt x="19397"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13" name="Freeform: Shape 912">
                <a:extLst>
                  <a:ext uri="{FF2B5EF4-FFF2-40B4-BE49-F238E27FC236}">
                    <a16:creationId xmlns:a16="http://schemas.microsoft.com/office/drawing/2014/main" id="{8F942C5D-3B62-7C73-9930-7989DCFE9C17}"/>
                  </a:ext>
                </a:extLst>
              </p:cNvPr>
              <p:cNvSpPr/>
              <p:nvPr/>
            </p:nvSpPr>
            <p:spPr>
              <a:xfrm>
                <a:off x="17693389" y="8873341"/>
                <a:ext cx="151879" cy="97872"/>
              </a:xfrm>
              <a:custGeom>
                <a:avLst/>
                <a:gdLst>
                  <a:gd name="connsiteX0" fmla="*/ 72517 w 151879"/>
                  <a:gd name="connsiteY0" fmla="*/ 887 h 97872"/>
                  <a:gd name="connsiteX1" fmla="*/ 73024 w 151879"/>
                  <a:gd name="connsiteY1" fmla="*/ 0 h 97872"/>
                  <a:gd name="connsiteX2" fmla="*/ 134892 w 151879"/>
                  <a:gd name="connsiteY2" fmla="*/ 0 h 97872"/>
                  <a:gd name="connsiteX3" fmla="*/ 151880 w 151879"/>
                  <a:gd name="connsiteY3" fmla="*/ 16988 h 97872"/>
                  <a:gd name="connsiteX4" fmla="*/ 151880 w 151879"/>
                  <a:gd name="connsiteY4" fmla="*/ 95083 h 97872"/>
                  <a:gd name="connsiteX5" fmla="*/ 151246 w 151879"/>
                  <a:gd name="connsiteY5" fmla="*/ 97872 h 97872"/>
                  <a:gd name="connsiteX6" fmla="*/ 0 w 151879"/>
                  <a:gd name="connsiteY6" fmla="*/ 97872 h 97872"/>
                  <a:gd name="connsiteX7" fmla="*/ 72390 w 151879"/>
                  <a:gd name="connsiteY7" fmla="*/ 887 h 978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51879" h="97872">
                    <a:moveTo>
                      <a:pt x="72517" y="887"/>
                    </a:moveTo>
                    <a:lnTo>
                      <a:pt x="73024" y="0"/>
                    </a:lnTo>
                    <a:lnTo>
                      <a:pt x="134892" y="0"/>
                    </a:lnTo>
                    <a:cubicBezTo>
                      <a:pt x="144273" y="0"/>
                      <a:pt x="151880" y="7607"/>
                      <a:pt x="151880" y="16988"/>
                    </a:cubicBezTo>
                    <a:lnTo>
                      <a:pt x="151880" y="95083"/>
                    </a:lnTo>
                    <a:cubicBezTo>
                      <a:pt x="151880" y="96098"/>
                      <a:pt x="151500" y="96985"/>
                      <a:pt x="151246" y="97872"/>
                    </a:cubicBezTo>
                    <a:lnTo>
                      <a:pt x="0" y="97872"/>
                    </a:lnTo>
                    <a:lnTo>
                      <a:pt x="72390" y="887"/>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14" name="Freeform: Shape 913">
                <a:extLst>
                  <a:ext uri="{FF2B5EF4-FFF2-40B4-BE49-F238E27FC236}">
                    <a16:creationId xmlns:a16="http://schemas.microsoft.com/office/drawing/2014/main" id="{7F71BA77-DE47-8DD3-FE82-9C83E0D10766}"/>
                  </a:ext>
                </a:extLst>
              </p:cNvPr>
              <p:cNvSpPr/>
              <p:nvPr/>
            </p:nvSpPr>
            <p:spPr>
              <a:xfrm>
                <a:off x="17868596" y="8873341"/>
                <a:ext cx="114353" cy="97872"/>
              </a:xfrm>
              <a:custGeom>
                <a:avLst/>
                <a:gdLst>
                  <a:gd name="connsiteX0" fmla="*/ 127 w 114353"/>
                  <a:gd name="connsiteY0" fmla="*/ 16988 h 97872"/>
                  <a:gd name="connsiteX1" fmla="*/ 17115 w 114353"/>
                  <a:gd name="connsiteY1" fmla="*/ 0 h 97872"/>
                  <a:gd name="connsiteX2" fmla="*/ 97365 w 114353"/>
                  <a:gd name="connsiteY2" fmla="*/ 0 h 97872"/>
                  <a:gd name="connsiteX3" fmla="*/ 114353 w 114353"/>
                  <a:gd name="connsiteY3" fmla="*/ 16988 h 97872"/>
                  <a:gd name="connsiteX4" fmla="*/ 114353 w 114353"/>
                  <a:gd name="connsiteY4" fmla="*/ 95083 h 97872"/>
                  <a:gd name="connsiteX5" fmla="*/ 113719 w 114353"/>
                  <a:gd name="connsiteY5" fmla="*/ 97872 h 97872"/>
                  <a:gd name="connsiteX6" fmla="*/ 634 w 114353"/>
                  <a:gd name="connsiteY6" fmla="*/ 97872 h 97872"/>
                  <a:gd name="connsiteX7" fmla="*/ 0 w 114353"/>
                  <a:gd name="connsiteY7" fmla="*/ 95083 h 97872"/>
                  <a:gd name="connsiteX8" fmla="*/ 0 w 114353"/>
                  <a:gd name="connsiteY8" fmla="*/ 16988 h 978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14353" h="97872">
                    <a:moveTo>
                      <a:pt x="127" y="16988"/>
                    </a:moveTo>
                    <a:cubicBezTo>
                      <a:pt x="127" y="7607"/>
                      <a:pt x="7733" y="0"/>
                      <a:pt x="17115" y="0"/>
                    </a:cubicBezTo>
                    <a:lnTo>
                      <a:pt x="97365" y="0"/>
                    </a:lnTo>
                    <a:cubicBezTo>
                      <a:pt x="106747" y="0"/>
                      <a:pt x="114353" y="7607"/>
                      <a:pt x="114353" y="16988"/>
                    </a:cubicBezTo>
                    <a:lnTo>
                      <a:pt x="114353" y="95083"/>
                    </a:lnTo>
                    <a:cubicBezTo>
                      <a:pt x="114353" y="96098"/>
                      <a:pt x="113973" y="96985"/>
                      <a:pt x="113719" y="97872"/>
                    </a:cubicBezTo>
                    <a:lnTo>
                      <a:pt x="634" y="97872"/>
                    </a:lnTo>
                    <a:cubicBezTo>
                      <a:pt x="507" y="96985"/>
                      <a:pt x="0" y="95971"/>
                      <a:pt x="0" y="95083"/>
                    </a:cubicBezTo>
                    <a:lnTo>
                      <a:pt x="0" y="1698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15" name="Freeform: Shape 914">
                <a:extLst>
                  <a:ext uri="{FF2B5EF4-FFF2-40B4-BE49-F238E27FC236}">
                    <a16:creationId xmlns:a16="http://schemas.microsoft.com/office/drawing/2014/main" id="{4734C86C-1DFB-870F-1196-B01991DB7DBB}"/>
                  </a:ext>
                </a:extLst>
              </p:cNvPr>
              <p:cNvSpPr/>
              <p:nvPr/>
            </p:nvSpPr>
            <p:spPr>
              <a:xfrm>
                <a:off x="18147000" y="9024080"/>
                <a:ext cx="47795" cy="20664"/>
              </a:xfrm>
              <a:custGeom>
                <a:avLst/>
                <a:gdLst>
                  <a:gd name="connsiteX0" fmla="*/ 0 w 47795"/>
                  <a:gd name="connsiteY0" fmla="*/ 11157 h 20664"/>
                  <a:gd name="connsiteX1" fmla="*/ 17622 w 47795"/>
                  <a:gd name="connsiteY1" fmla="*/ 20665 h 20664"/>
                  <a:gd name="connsiteX2" fmla="*/ 30173 w 47795"/>
                  <a:gd name="connsiteY2" fmla="*/ 20665 h 20664"/>
                  <a:gd name="connsiteX3" fmla="*/ 47795 w 47795"/>
                  <a:gd name="connsiteY3" fmla="*/ 11157 h 20664"/>
                  <a:gd name="connsiteX4" fmla="*/ 47795 w 47795"/>
                  <a:gd name="connsiteY4" fmla="*/ 9508 h 20664"/>
                  <a:gd name="connsiteX5" fmla="*/ 30173 w 47795"/>
                  <a:gd name="connsiteY5" fmla="*/ 0 h 20664"/>
                  <a:gd name="connsiteX6" fmla="*/ 17622 w 47795"/>
                  <a:gd name="connsiteY6" fmla="*/ 0 h 20664"/>
                  <a:gd name="connsiteX7" fmla="*/ 0 w 47795"/>
                  <a:gd name="connsiteY7" fmla="*/ 9508 h 20664"/>
                  <a:gd name="connsiteX8" fmla="*/ 0 w 47795"/>
                  <a:gd name="connsiteY8" fmla="*/ 11157 h 206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95" h="20664">
                    <a:moveTo>
                      <a:pt x="0" y="11157"/>
                    </a:moveTo>
                    <a:cubicBezTo>
                      <a:pt x="0" y="16354"/>
                      <a:pt x="7987" y="20665"/>
                      <a:pt x="17622" y="20665"/>
                    </a:cubicBezTo>
                    <a:lnTo>
                      <a:pt x="30173" y="20665"/>
                    </a:lnTo>
                    <a:cubicBezTo>
                      <a:pt x="39935" y="20665"/>
                      <a:pt x="47795" y="16354"/>
                      <a:pt x="47795" y="11157"/>
                    </a:cubicBezTo>
                    <a:lnTo>
                      <a:pt x="47795" y="9508"/>
                    </a:lnTo>
                    <a:cubicBezTo>
                      <a:pt x="47795" y="4184"/>
                      <a:pt x="39935" y="0"/>
                      <a:pt x="30173" y="0"/>
                    </a:cubicBezTo>
                    <a:lnTo>
                      <a:pt x="17622" y="0"/>
                    </a:lnTo>
                    <a:cubicBezTo>
                      <a:pt x="7860" y="0"/>
                      <a:pt x="0" y="4310"/>
                      <a:pt x="0" y="9508"/>
                    </a:cubicBezTo>
                    <a:lnTo>
                      <a:pt x="0" y="11157"/>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16" name="Freeform: Shape 915">
                <a:extLst>
                  <a:ext uri="{FF2B5EF4-FFF2-40B4-BE49-F238E27FC236}">
                    <a16:creationId xmlns:a16="http://schemas.microsoft.com/office/drawing/2014/main" id="{0F8A88BF-8FCB-E9F0-14C0-2F9A031180A2}"/>
                  </a:ext>
                </a:extLst>
              </p:cNvPr>
              <p:cNvSpPr/>
              <p:nvPr/>
            </p:nvSpPr>
            <p:spPr>
              <a:xfrm>
                <a:off x="18040760" y="8873341"/>
                <a:ext cx="163163" cy="97872"/>
              </a:xfrm>
              <a:custGeom>
                <a:avLst/>
                <a:gdLst>
                  <a:gd name="connsiteX0" fmla="*/ 67953 w 163163"/>
                  <a:gd name="connsiteY0" fmla="*/ 97872 h 97872"/>
                  <a:gd name="connsiteX1" fmla="*/ 163164 w 163163"/>
                  <a:gd name="connsiteY1" fmla="*/ 97872 h 97872"/>
                  <a:gd name="connsiteX2" fmla="*/ 95210 w 163163"/>
                  <a:gd name="connsiteY2" fmla="*/ 0 h 97872"/>
                  <a:gd name="connsiteX3" fmla="*/ 0 w 163163"/>
                  <a:gd name="connsiteY3" fmla="*/ 0 h 97872"/>
                  <a:gd name="connsiteX4" fmla="*/ 67953 w 163163"/>
                  <a:gd name="connsiteY4" fmla="*/ 97872 h 9787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163" h="97872">
                    <a:moveTo>
                      <a:pt x="67953" y="97872"/>
                    </a:moveTo>
                    <a:lnTo>
                      <a:pt x="163164" y="97872"/>
                    </a:lnTo>
                    <a:cubicBezTo>
                      <a:pt x="137934" y="52486"/>
                      <a:pt x="114227" y="19904"/>
                      <a:pt x="95210" y="0"/>
                    </a:cubicBezTo>
                    <a:lnTo>
                      <a:pt x="0" y="0"/>
                    </a:lnTo>
                    <a:cubicBezTo>
                      <a:pt x="19144" y="19904"/>
                      <a:pt x="42725" y="52486"/>
                      <a:pt x="67953" y="97872"/>
                    </a:cubicBez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917" name="Graphic 778">
              <a:extLst>
                <a:ext uri="{FF2B5EF4-FFF2-40B4-BE49-F238E27FC236}">
                  <a16:creationId xmlns:a16="http://schemas.microsoft.com/office/drawing/2014/main" id="{07AC6015-5FB0-BDAD-F376-D862C3BB4857}"/>
                </a:ext>
              </a:extLst>
            </p:cNvPr>
            <p:cNvGrpSpPr/>
            <p:nvPr/>
          </p:nvGrpSpPr>
          <p:grpSpPr>
            <a:xfrm>
              <a:off x="16752453" y="8848873"/>
              <a:ext cx="659489" cy="264839"/>
              <a:chOff x="16752453" y="8848873"/>
              <a:chExt cx="659489" cy="264839"/>
            </a:xfrm>
            <a:solidFill>
              <a:srgbClr val="FFFFFF"/>
            </a:solidFill>
          </p:grpSpPr>
          <p:sp>
            <p:nvSpPr>
              <p:cNvPr id="918" name="Freeform: Shape 917">
                <a:extLst>
                  <a:ext uri="{FF2B5EF4-FFF2-40B4-BE49-F238E27FC236}">
                    <a16:creationId xmlns:a16="http://schemas.microsoft.com/office/drawing/2014/main" id="{51BBEC8F-4765-EF73-5D4C-9DC2BBDB3C9F}"/>
                  </a:ext>
                </a:extLst>
              </p:cNvPr>
              <p:cNvSpPr/>
              <p:nvPr/>
            </p:nvSpPr>
            <p:spPr>
              <a:xfrm>
                <a:off x="16922200" y="9076820"/>
                <a:ext cx="79236" cy="36892"/>
              </a:xfrm>
              <a:custGeom>
                <a:avLst/>
                <a:gdLst>
                  <a:gd name="connsiteX0" fmla="*/ 79236 w 79236"/>
                  <a:gd name="connsiteY0" fmla="*/ 0 h 36892"/>
                  <a:gd name="connsiteX1" fmla="*/ 39681 w 79236"/>
                  <a:gd name="connsiteY1" fmla="*/ 36892 h 36892"/>
                  <a:gd name="connsiteX2" fmla="*/ 0 w 79236"/>
                  <a:gd name="connsiteY2" fmla="*/ 0 h 36892"/>
                  <a:gd name="connsiteX3" fmla="*/ 79236 w 79236"/>
                  <a:gd name="connsiteY3" fmla="*/ 0 h 36892"/>
                </a:gdLst>
                <a:ahLst/>
                <a:cxnLst>
                  <a:cxn ang="0">
                    <a:pos x="connsiteX0" y="connsiteY0"/>
                  </a:cxn>
                  <a:cxn ang="0">
                    <a:pos x="connsiteX1" y="connsiteY1"/>
                  </a:cxn>
                  <a:cxn ang="0">
                    <a:pos x="connsiteX2" y="connsiteY2"/>
                  </a:cxn>
                  <a:cxn ang="0">
                    <a:pos x="connsiteX3" y="connsiteY3"/>
                  </a:cxn>
                </a:cxnLst>
                <a:rect l="l" t="t" r="r" b="b"/>
                <a:pathLst>
                  <a:path w="79236" h="36892">
                    <a:moveTo>
                      <a:pt x="79236" y="0"/>
                    </a:moveTo>
                    <a:cubicBezTo>
                      <a:pt x="77715" y="20665"/>
                      <a:pt x="60600" y="36892"/>
                      <a:pt x="39681" y="36892"/>
                    </a:cubicBezTo>
                    <a:cubicBezTo>
                      <a:pt x="18763" y="36892"/>
                      <a:pt x="1521" y="20538"/>
                      <a:pt x="0" y="0"/>
                    </a:cubicBezTo>
                    <a:lnTo>
                      <a:pt x="79236"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19" name="Freeform: Shape 918">
                <a:extLst>
                  <a:ext uri="{FF2B5EF4-FFF2-40B4-BE49-F238E27FC236}">
                    <a16:creationId xmlns:a16="http://schemas.microsoft.com/office/drawing/2014/main" id="{4B56EA4B-94B8-1B59-BF91-A330DB184572}"/>
                  </a:ext>
                </a:extLst>
              </p:cNvPr>
              <p:cNvSpPr/>
              <p:nvPr/>
            </p:nvSpPr>
            <p:spPr>
              <a:xfrm>
                <a:off x="17282502" y="9076820"/>
                <a:ext cx="79109" cy="36892"/>
              </a:xfrm>
              <a:custGeom>
                <a:avLst/>
                <a:gdLst>
                  <a:gd name="connsiteX0" fmla="*/ 59840 w 79109"/>
                  <a:gd name="connsiteY0" fmla="*/ 0 h 36892"/>
                  <a:gd name="connsiteX1" fmla="*/ 79110 w 79109"/>
                  <a:gd name="connsiteY1" fmla="*/ 0 h 36892"/>
                  <a:gd name="connsiteX2" fmla="*/ 39555 w 79109"/>
                  <a:gd name="connsiteY2" fmla="*/ 36892 h 36892"/>
                  <a:gd name="connsiteX3" fmla="*/ 0 w 79109"/>
                  <a:gd name="connsiteY3" fmla="*/ 0 h 36892"/>
                  <a:gd name="connsiteX4" fmla="*/ 59966 w 79109"/>
                  <a:gd name="connsiteY4" fmla="*/ 0 h 368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109" h="36892">
                    <a:moveTo>
                      <a:pt x="59840" y="0"/>
                    </a:moveTo>
                    <a:lnTo>
                      <a:pt x="79110" y="0"/>
                    </a:lnTo>
                    <a:cubicBezTo>
                      <a:pt x="77715" y="20665"/>
                      <a:pt x="60473" y="36892"/>
                      <a:pt x="39555" y="36892"/>
                    </a:cubicBezTo>
                    <a:cubicBezTo>
                      <a:pt x="18637" y="36892"/>
                      <a:pt x="1395" y="20538"/>
                      <a:pt x="0" y="0"/>
                    </a:cubicBezTo>
                    <a:lnTo>
                      <a:pt x="59966"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20" name="Freeform: Shape 919">
                <a:extLst>
                  <a:ext uri="{FF2B5EF4-FFF2-40B4-BE49-F238E27FC236}">
                    <a16:creationId xmlns:a16="http://schemas.microsoft.com/office/drawing/2014/main" id="{902A8280-9358-7A6A-88E7-C4C9CA24281B}"/>
                  </a:ext>
                </a:extLst>
              </p:cNvPr>
              <p:cNvSpPr/>
              <p:nvPr/>
            </p:nvSpPr>
            <p:spPr>
              <a:xfrm>
                <a:off x="16752453" y="8848873"/>
                <a:ext cx="564278" cy="227946"/>
              </a:xfrm>
              <a:custGeom>
                <a:avLst/>
                <a:gdLst>
                  <a:gd name="connsiteX0" fmla="*/ 1512 w 564278"/>
                  <a:gd name="connsiteY0" fmla="*/ 227947 h 227946"/>
                  <a:gd name="connsiteX1" fmla="*/ 88229 w 564278"/>
                  <a:gd name="connsiteY1" fmla="*/ 128299 h 227946"/>
                  <a:gd name="connsiteX2" fmla="*/ 155801 w 564278"/>
                  <a:gd name="connsiteY2" fmla="*/ 87477 h 227946"/>
                  <a:gd name="connsiteX3" fmla="*/ 197892 w 564278"/>
                  <a:gd name="connsiteY3" fmla="*/ 25356 h 227946"/>
                  <a:gd name="connsiteX4" fmla="*/ 256970 w 564278"/>
                  <a:gd name="connsiteY4" fmla="*/ 0 h 227946"/>
                  <a:gd name="connsiteX5" fmla="*/ 409991 w 564278"/>
                  <a:gd name="connsiteY5" fmla="*/ 0 h 227946"/>
                  <a:gd name="connsiteX6" fmla="*/ 461843 w 564278"/>
                  <a:gd name="connsiteY6" fmla="*/ 13819 h 227946"/>
                  <a:gd name="connsiteX7" fmla="*/ 546023 w 564278"/>
                  <a:gd name="connsiteY7" fmla="*/ 131976 h 227946"/>
                  <a:gd name="connsiteX8" fmla="*/ 564279 w 564278"/>
                  <a:gd name="connsiteY8" fmla="*/ 227947 h 227946"/>
                  <a:gd name="connsiteX9" fmla="*/ 1512 w 564278"/>
                  <a:gd name="connsiteY9" fmla="*/ 227947 h 2279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64278" h="227946">
                    <a:moveTo>
                      <a:pt x="1512" y="227947"/>
                    </a:moveTo>
                    <a:cubicBezTo>
                      <a:pt x="1512" y="227947"/>
                      <a:pt x="-18645" y="128299"/>
                      <a:pt x="88229" y="128299"/>
                    </a:cubicBezTo>
                    <a:cubicBezTo>
                      <a:pt x="138940" y="128299"/>
                      <a:pt x="144518" y="108649"/>
                      <a:pt x="155801" y="87477"/>
                    </a:cubicBezTo>
                    <a:cubicBezTo>
                      <a:pt x="167085" y="66432"/>
                      <a:pt x="190918" y="39428"/>
                      <a:pt x="197892" y="25356"/>
                    </a:cubicBezTo>
                    <a:cubicBezTo>
                      <a:pt x="204864" y="11283"/>
                      <a:pt x="220458" y="0"/>
                      <a:pt x="256970" y="0"/>
                    </a:cubicBezTo>
                    <a:lnTo>
                      <a:pt x="409991" y="0"/>
                    </a:lnTo>
                    <a:cubicBezTo>
                      <a:pt x="435346" y="0"/>
                      <a:pt x="451320" y="4564"/>
                      <a:pt x="461843" y="13819"/>
                    </a:cubicBezTo>
                    <a:cubicBezTo>
                      <a:pt x="483648" y="32962"/>
                      <a:pt x="513568" y="71883"/>
                      <a:pt x="546023" y="131976"/>
                    </a:cubicBezTo>
                    <a:cubicBezTo>
                      <a:pt x="560856" y="159486"/>
                      <a:pt x="562884" y="195111"/>
                      <a:pt x="564279" y="227947"/>
                    </a:cubicBezTo>
                    <a:lnTo>
                      <a:pt x="1512" y="227947"/>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21" name="Freeform: Shape 920">
                <a:extLst>
                  <a:ext uri="{FF2B5EF4-FFF2-40B4-BE49-F238E27FC236}">
                    <a16:creationId xmlns:a16="http://schemas.microsoft.com/office/drawing/2014/main" id="{40DE78D2-D042-AB33-D1A8-1C881D3B7F58}"/>
                  </a:ext>
                </a:extLst>
              </p:cNvPr>
              <p:cNvSpPr/>
              <p:nvPr/>
            </p:nvSpPr>
            <p:spPr>
              <a:xfrm>
                <a:off x="17162444" y="8848873"/>
                <a:ext cx="249498" cy="227946"/>
              </a:xfrm>
              <a:custGeom>
                <a:avLst/>
                <a:gdLst>
                  <a:gd name="connsiteX0" fmla="*/ 51852 w 249498"/>
                  <a:gd name="connsiteY0" fmla="*/ 13819 h 227946"/>
                  <a:gd name="connsiteX1" fmla="*/ 0 w 249498"/>
                  <a:gd name="connsiteY1" fmla="*/ 0 h 227946"/>
                  <a:gd name="connsiteX2" fmla="*/ 95210 w 249498"/>
                  <a:gd name="connsiteY2" fmla="*/ 0 h 227946"/>
                  <a:gd name="connsiteX3" fmla="*/ 147062 w 249498"/>
                  <a:gd name="connsiteY3" fmla="*/ 13819 h 227946"/>
                  <a:gd name="connsiteX4" fmla="*/ 231242 w 249498"/>
                  <a:gd name="connsiteY4" fmla="*/ 131976 h 227946"/>
                  <a:gd name="connsiteX5" fmla="*/ 249499 w 249498"/>
                  <a:gd name="connsiteY5" fmla="*/ 227947 h 227946"/>
                  <a:gd name="connsiteX6" fmla="*/ 154288 w 249498"/>
                  <a:gd name="connsiteY6" fmla="*/ 227947 h 227946"/>
                  <a:gd name="connsiteX7" fmla="*/ 136032 w 249498"/>
                  <a:gd name="connsiteY7" fmla="*/ 131976 h 227946"/>
                  <a:gd name="connsiteX8" fmla="*/ 51852 w 249498"/>
                  <a:gd name="connsiteY8" fmla="*/ 13819 h 2279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9498" h="227946">
                    <a:moveTo>
                      <a:pt x="51852" y="13819"/>
                    </a:moveTo>
                    <a:cubicBezTo>
                      <a:pt x="41330" y="4564"/>
                      <a:pt x="25229" y="0"/>
                      <a:pt x="0" y="0"/>
                    </a:cubicBezTo>
                    <a:lnTo>
                      <a:pt x="95210" y="0"/>
                    </a:lnTo>
                    <a:cubicBezTo>
                      <a:pt x="120566" y="0"/>
                      <a:pt x="136540" y="4564"/>
                      <a:pt x="147062" y="13819"/>
                    </a:cubicBezTo>
                    <a:cubicBezTo>
                      <a:pt x="168868" y="32962"/>
                      <a:pt x="198787" y="71883"/>
                      <a:pt x="231242" y="131976"/>
                    </a:cubicBezTo>
                    <a:cubicBezTo>
                      <a:pt x="246075" y="159486"/>
                      <a:pt x="248104" y="195111"/>
                      <a:pt x="249499" y="227947"/>
                    </a:cubicBezTo>
                    <a:lnTo>
                      <a:pt x="154288" y="227947"/>
                    </a:lnTo>
                    <a:cubicBezTo>
                      <a:pt x="152894" y="195111"/>
                      <a:pt x="150866" y="159486"/>
                      <a:pt x="136032" y="131976"/>
                    </a:cubicBezTo>
                    <a:cubicBezTo>
                      <a:pt x="103704" y="71883"/>
                      <a:pt x="73658" y="32962"/>
                      <a:pt x="51852" y="13819"/>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22" name="Freeform: Shape 921">
                <a:extLst>
                  <a:ext uri="{FF2B5EF4-FFF2-40B4-BE49-F238E27FC236}">
                    <a16:creationId xmlns:a16="http://schemas.microsoft.com/office/drawing/2014/main" id="{4A51DDF0-EF70-AD4B-AFF2-BFE1E465C78F}"/>
                  </a:ext>
                </a:extLst>
              </p:cNvPr>
              <p:cNvSpPr/>
              <p:nvPr/>
            </p:nvSpPr>
            <p:spPr>
              <a:xfrm>
                <a:off x="16805945" y="9034222"/>
                <a:ext cx="79616" cy="79489"/>
              </a:xfrm>
              <a:custGeom>
                <a:avLst/>
                <a:gdLst>
                  <a:gd name="connsiteX0" fmla="*/ 39808 w 79616"/>
                  <a:gd name="connsiteY0" fmla="*/ 0 h 79489"/>
                  <a:gd name="connsiteX1" fmla="*/ 0 w 79616"/>
                  <a:gd name="connsiteY1" fmla="*/ 39808 h 79489"/>
                  <a:gd name="connsiteX2" fmla="*/ 127 w 79616"/>
                  <a:gd name="connsiteY2" fmla="*/ 42597 h 79489"/>
                  <a:gd name="connsiteX3" fmla="*/ 39808 w 79616"/>
                  <a:gd name="connsiteY3" fmla="*/ 79490 h 79489"/>
                  <a:gd name="connsiteX4" fmla="*/ 79363 w 79616"/>
                  <a:gd name="connsiteY4" fmla="*/ 42597 h 79489"/>
                  <a:gd name="connsiteX5" fmla="*/ 79616 w 79616"/>
                  <a:gd name="connsiteY5" fmla="*/ 39808 h 79489"/>
                  <a:gd name="connsiteX6" fmla="*/ 39808 w 79616"/>
                  <a:gd name="connsiteY6" fmla="*/ 0 h 79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9616" h="79489">
                    <a:moveTo>
                      <a:pt x="39808" y="0"/>
                    </a:moveTo>
                    <a:cubicBezTo>
                      <a:pt x="17875" y="0"/>
                      <a:pt x="0" y="17749"/>
                      <a:pt x="0" y="39808"/>
                    </a:cubicBezTo>
                    <a:cubicBezTo>
                      <a:pt x="0" y="40822"/>
                      <a:pt x="0" y="41710"/>
                      <a:pt x="127" y="42597"/>
                    </a:cubicBezTo>
                    <a:cubicBezTo>
                      <a:pt x="1648" y="63262"/>
                      <a:pt x="18763" y="79490"/>
                      <a:pt x="39808" y="79490"/>
                    </a:cubicBezTo>
                    <a:cubicBezTo>
                      <a:pt x="60853" y="79490"/>
                      <a:pt x="77968" y="63135"/>
                      <a:pt x="79363" y="42597"/>
                    </a:cubicBezTo>
                    <a:cubicBezTo>
                      <a:pt x="79363" y="41710"/>
                      <a:pt x="79616" y="40696"/>
                      <a:pt x="79616" y="39808"/>
                    </a:cubicBezTo>
                    <a:cubicBezTo>
                      <a:pt x="79616" y="17876"/>
                      <a:pt x="61741" y="0"/>
                      <a:pt x="39808"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23" name="Freeform: Shape 922">
                <a:extLst>
                  <a:ext uri="{FF2B5EF4-FFF2-40B4-BE49-F238E27FC236}">
                    <a16:creationId xmlns:a16="http://schemas.microsoft.com/office/drawing/2014/main" id="{D9B50C6C-672C-F265-D902-2C4EDC7C69A6}"/>
                  </a:ext>
                </a:extLst>
              </p:cNvPr>
              <p:cNvSpPr/>
              <p:nvPr/>
            </p:nvSpPr>
            <p:spPr>
              <a:xfrm>
                <a:off x="17166247" y="9034222"/>
                <a:ext cx="79362" cy="79489"/>
              </a:xfrm>
              <a:custGeom>
                <a:avLst/>
                <a:gdLst>
                  <a:gd name="connsiteX0" fmla="*/ 39681 w 79362"/>
                  <a:gd name="connsiteY0" fmla="*/ 0 h 79489"/>
                  <a:gd name="connsiteX1" fmla="*/ 0 w 79362"/>
                  <a:gd name="connsiteY1" fmla="*/ 39808 h 79489"/>
                  <a:gd name="connsiteX2" fmla="*/ 127 w 79362"/>
                  <a:gd name="connsiteY2" fmla="*/ 42597 h 79489"/>
                  <a:gd name="connsiteX3" fmla="*/ 39681 w 79362"/>
                  <a:gd name="connsiteY3" fmla="*/ 79490 h 79489"/>
                  <a:gd name="connsiteX4" fmla="*/ 79236 w 79362"/>
                  <a:gd name="connsiteY4" fmla="*/ 42597 h 79489"/>
                  <a:gd name="connsiteX5" fmla="*/ 79363 w 79362"/>
                  <a:gd name="connsiteY5" fmla="*/ 39808 h 79489"/>
                  <a:gd name="connsiteX6" fmla="*/ 39555 w 79362"/>
                  <a:gd name="connsiteY6" fmla="*/ 0 h 79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9362" h="79489">
                    <a:moveTo>
                      <a:pt x="39681" y="0"/>
                    </a:moveTo>
                    <a:cubicBezTo>
                      <a:pt x="17622" y="0"/>
                      <a:pt x="0" y="17749"/>
                      <a:pt x="0" y="39808"/>
                    </a:cubicBezTo>
                    <a:cubicBezTo>
                      <a:pt x="0" y="40822"/>
                      <a:pt x="0" y="41710"/>
                      <a:pt x="127" y="42597"/>
                    </a:cubicBezTo>
                    <a:cubicBezTo>
                      <a:pt x="1521" y="63262"/>
                      <a:pt x="18763" y="79490"/>
                      <a:pt x="39681" y="79490"/>
                    </a:cubicBezTo>
                    <a:cubicBezTo>
                      <a:pt x="60600" y="79490"/>
                      <a:pt x="77842" y="63135"/>
                      <a:pt x="79236" y="42597"/>
                    </a:cubicBezTo>
                    <a:cubicBezTo>
                      <a:pt x="79236" y="41710"/>
                      <a:pt x="79363" y="40696"/>
                      <a:pt x="79363" y="39808"/>
                    </a:cubicBezTo>
                    <a:cubicBezTo>
                      <a:pt x="79363" y="17876"/>
                      <a:pt x="61614" y="0"/>
                      <a:pt x="39555"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24" name="Freeform: Shape 923">
                <a:extLst>
                  <a:ext uri="{FF2B5EF4-FFF2-40B4-BE49-F238E27FC236}">
                    <a16:creationId xmlns:a16="http://schemas.microsoft.com/office/drawing/2014/main" id="{0AD50B2D-F5BC-5F70-C169-D83683F142AC}"/>
                  </a:ext>
                </a:extLst>
              </p:cNvPr>
              <p:cNvSpPr/>
              <p:nvPr/>
            </p:nvSpPr>
            <p:spPr>
              <a:xfrm>
                <a:off x="17190842" y="8873341"/>
                <a:ext cx="102309" cy="97872"/>
              </a:xfrm>
              <a:custGeom>
                <a:avLst/>
                <a:gdLst>
                  <a:gd name="connsiteX0" fmla="*/ 19397 w 102309"/>
                  <a:gd name="connsiteY0" fmla="*/ 0 h 97872"/>
                  <a:gd name="connsiteX1" fmla="*/ 16989 w 102309"/>
                  <a:gd name="connsiteY1" fmla="*/ 0 h 97872"/>
                  <a:gd name="connsiteX2" fmla="*/ 0 w 102309"/>
                  <a:gd name="connsiteY2" fmla="*/ 16988 h 97872"/>
                  <a:gd name="connsiteX3" fmla="*/ 0 w 102309"/>
                  <a:gd name="connsiteY3" fmla="*/ 95083 h 97872"/>
                  <a:gd name="connsiteX4" fmla="*/ 507 w 102309"/>
                  <a:gd name="connsiteY4" fmla="*/ 97872 h 97872"/>
                  <a:gd name="connsiteX5" fmla="*/ 102310 w 102309"/>
                  <a:gd name="connsiteY5" fmla="*/ 97872 h 97872"/>
                  <a:gd name="connsiteX6" fmla="*/ 34357 w 102309"/>
                  <a:gd name="connsiteY6" fmla="*/ 0 h 97872"/>
                  <a:gd name="connsiteX7" fmla="*/ 19397 w 102309"/>
                  <a:gd name="connsiteY7" fmla="*/ 0 h 978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2309" h="97872">
                    <a:moveTo>
                      <a:pt x="19397" y="0"/>
                    </a:moveTo>
                    <a:lnTo>
                      <a:pt x="16989" y="0"/>
                    </a:lnTo>
                    <a:cubicBezTo>
                      <a:pt x="7607" y="0"/>
                      <a:pt x="0" y="7607"/>
                      <a:pt x="0" y="16988"/>
                    </a:cubicBezTo>
                    <a:lnTo>
                      <a:pt x="0" y="95083"/>
                    </a:lnTo>
                    <a:cubicBezTo>
                      <a:pt x="0" y="96098"/>
                      <a:pt x="381" y="96985"/>
                      <a:pt x="507" y="97872"/>
                    </a:cubicBezTo>
                    <a:lnTo>
                      <a:pt x="102310" y="97872"/>
                    </a:lnTo>
                    <a:cubicBezTo>
                      <a:pt x="76954" y="52486"/>
                      <a:pt x="53501" y="19904"/>
                      <a:pt x="34357" y="0"/>
                    </a:cubicBezTo>
                    <a:lnTo>
                      <a:pt x="19397"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25" name="Freeform: Shape 924">
                <a:extLst>
                  <a:ext uri="{FF2B5EF4-FFF2-40B4-BE49-F238E27FC236}">
                    <a16:creationId xmlns:a16="http://schemas.microsoft.com/office/drawing/2014/main" id="{30C9D3B8-46EC-844C-4AD4-151ADA5586D0}"/>
                  </a:ext>
                </a:extLst>
              </p:cNvPr>
              <p:cNvSpPr/>
              <p:nvPr/>
            </p:nvSpPr>
            <p:spPr>
              <a:xfrm>
                <a:off x="16877701" y="8873341"/>
                <a:ext cx="151880" cy="97872"/>
              </a:xfrm>
              <a:custGeom>
                <a:avLst/>
                <a:gdLst>
                  <a:gd name="connsiteX0" fmla="*/ 72517 w 151880"/>
                  <a:gd name="connsiteY0" fmla="*/ 887 h 97872"/>
                  <a:gd name="connsiteX1" fmla="*/ 73024 w 151880"/>
                  <a:gd name="connsiteY1" fmla="*/ 0 h 97872"/>
                  <a:gd name="connsiteX2" fmla="*/ 134892 w 151880"/>
                  <a:gd name="connsiteY2" fmla="*/ 0 h 97872"/>
                  <a:gd name="connsiteX3" fmla="*/ 151880 w 151880"/>
                  <a:gd name="connsiteY3" fmla="*/ 16988 h 97872"/>
                  <a:gd name="connsiteX4" fmla="*/ 151880 w 151880"/>
                  <a:gd name="connsiteY4" fmla="*/ 95083 h 97872"/>
                  <a:gd name="connsiteX5" fmla="*/ 151246 w 151880"/>
                  <a:gd name="connsiteY5" fmla="*/ 97872 h 97872"/>
                  <a:gd name="connsiteX6" fmla="*/ 0 w 151880"/>
                  <a:gd name="connsiteY6" fmla="*/ 97872 h 97872"/>
                  <a:gd name="connsiteX7" fmla="*/ 72390 w 151880"/>
                  <a:gd name="connsiteY7" fmla="*/ 887 h 978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51880" h="97872">
                    <a:moveTo>
                      <a:pt x="72517" y="887"/>
                    </a:moveTo>
                    <a:lnTo>
                      <a:pt x="73024" y="0"/>
                    </a:lnTo>
                    <a:lnTo>
                      <a:pt x="134892" y="0"/>
                    </a:lnTo>
                    <a:cubicBezTo>
                      <a:pt x="144273" y="0"/>
                      <a:pt x="151880" y="7607"/>
                      <a:pt x="151880" y="16988"/>
                    </a:cubicBezTo>
                    <a:lnTo>
                      <a:pt x="151880" y="95083"/>
                    </a:lnTo>
                    <a:cubicBezTo>
                      <a:pt x="151880" y="96098"/>
                      <a:pt x="151500" y="96985"/>
                      <a:pt x="151246" y="97872"/>
                    </a:cubicBezTo>
                    <a:lnTo>
                      <a:pt x="0" y="97872"/>
                    </a:lnTo>
                    <a:lnTo>
                      <a:pt x="72390" y="887"/>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26" name="Freeform: Shape 925">
                <a:extLst>
                  <a:ext uri="{FF2B5EF4-FFF2-40B4-BE49-F238E27FC236}">
                    <a16:creationId xmlns:a16="http://schemas.microsoft.com/office/drawing/2014/main" id="{17C3B8E4-5C0E-6DC6-3883-8514D3EACEAD}"/>
                  </a:ext>
                </a:extLst>
              </p:cNvPr>
              <p:cNvSpPr/>
              <p:nvPr/>
            </p:nvSpPr>
            <p:spPr>
              <a:xfrm>
                <a:off x="17053035" y="8873341"/>
                <a:ext cx="114353" cy="97872"/>
              </a:xfrm>
              <a:custGeom>
                <a:avLst/>
                <a:gdLst>
                  <a:gd name="connsiteX0" fmla="*/ 127 w 114353"/>
                  <a:gd name="connsiteY0" fmla="*/ 16988 h 97872"/>
                  <a:gd name="connsiteX1" fmla="*/ 17115 w 114353"/>
                  <a:gd name="connsiteY1" fmla="*/ 0 h 97872"/>
                  <a:gd name="connsiteX2" fmla="*/ 97365 w 114353"/>
                  <a:gd name="connsiteY2" fmla="*/ 0 h 97872"/>
                  <a:gd name="connsiteX3" fmla="*/ 114354 w 114353"/>
                  <a:gd name="connsiteY3" fmla="*/ 16988 h 97872"/>
                  <a:gd name="connsiteX4" fmla="*/ 114354 w 114353"/>
                  <a:gd name="connsiteY4" fmla="*/ 95083 h 97872"/>
                  <a:gd name="connsiteX5" fmla="*/ 113720 w 114353"/>
                  <a:gd name="connsiteY5" fmla="*/ 97872 h 97872"/>
                  <a:gd name="connsiteX6" fmla="*/ 634 w 114353"/>
                  <a:gd name="connsiteY6" fmla="*/ 97872 h 97872"/>
                  <a:gd name="connsiteX7" fmla="*/ 0 w 114353"/>
                  <a:gd name="connsiteY7" fmla="*/ 95083 h 97872"/>
                  <a:gd name="connsiteX8" fmla="*/ 0 w 114353"/>
                  <a:gd name="connsiteY8" fmla="*/ 16988 h 978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14353" h="97872">
                    <a:moveTo>
                      <a:pt x="127" y="16988"/>
                    </a:moveTo>
                    <a:cubicBezTo>
                      <a:pt x="127" y="7607"/>
                      <a:pt x="7733" y="0"/>
                      <a:pt x="17115" y="0"/>
                    </a:cubicBezTo>
                    <a:lnTo>
                      <a:pt x="97365" y="0"/>
                    </a:lnTo>
                    <a:cubicBezTo>
                      <a:pt x="106747" y="0"/>
                      <a:pt x="114354" y="7607"/>
                      <a:pt x="114354" y="16988"/>
                    </a:cubicBezTo>
                    <a:lnTo>
                      <a:pt x="114354" y="95083"/>
                    </a:lnTo>
                    <a:cubicBezTo>
                      <a:pt x="114354" y="96098"/>
                      <a:pt x="113973" y="96985"/>
                      <a:pt x="113720" y="97872"/>
                    </a:cubicBezTo>
                    <a:lnTo>
                      <a:pt x="634" y="97872"/>
                    </a:lnTo>
                    <a:cubicBezTo>
                      <a:pt x="507" y="96985"/>
                      <a:pt x="0" y="95971"/>
                      <a:pt x="0" y="95083"/>
                    </a:cubicBezTo>
                    <a:lnTo>
                      <a:pt x="0" y="1698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27" name="Freeform: Shape 926">
                <a:extLst>
                  <a:ext uri="{FF2B5EF4-FFF2-40B4-BE49-F238E27FC236}">
                    <a16:creationId xmlns:a16="http://schemas.microsoft.com/office/drawing/2014/main" id="{2DD3B294-7C9A-BA86-3C97-D8A203CFB0AE}"/>
                  </a:ext>
                </a:extLst>
              </p:cNvPr>
              <p:cNvSpPr/>
              <p:nvPr/>
            </p:nvSpPr>
            <p:spPr>
              <a:xfrm>
                <a:off x="17331312" y="9024080"/>
                <a:ext cx="47795" cy="20664"/>
              </a:xfrm>
              <a:custGeom>
                <a:avLst/>
                <a:gdLst>
                  <a:gd name="connsiteX0" fmla="*/ 0 w 47795"/>
                  <a:gd name="connsiteY0" fmla="*/ 11157 h 20664"/>
                  <a:gd name="connsiteX1" fmla="*/ 17622 w 47795"/>
                  <a:gd name="connsiteY1" fmla="*/ 20665 h 20664"/>
                  <a:gd name="connsiteX2" fmla="*/ 30173 w 47795"/>
                  <a:gd name="connsiteY2" fmla="*/ 20665 h 20664"/>
                  <a:gd name="connsiteX3" fmla="*/ 47795 w 47795"/>
                  <a:gd name="connsiteY3" fmla="*/ 11157 h 20664"/>
                  <a:gd name="connsiteX4" fmla="*/ 47795 w 47795"/>
                  <a:gd name="connsiteY4" fmla="*/ 9508 h 20664"/>
                  <a:gd name="connsiteX5" fmla="*/ 30173 w 47795"/>
                  <a:gd name="connsiteY5" fmla="*/ 0 h 20664"/>
                  <a:gd name="connsiteX6" fmla="*/ 17622 w 47795"/>
                  <a:gd name="connsiteY6" fmla="*/ 0 h 20664"/>
                  <a:gd name="connsiteX7" fmla="*/ 0 w 47795"/>
                  <a:gd name="connsiteY7" fmla="*/ 9508 h 20664"/>
                  <a:gd name="connsiteX8" fmla="*/ 0 w 47795"/>
                  <a:gd name="connsiteY8" fmla="*/ 11157 h 206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95" h="20664">
                    <a:moveTo>
                      <a:pt x="0" y="11157"/>
                    </a:moveTo>
                    <a:cubicBezTo>
                      <a:pt x="0" y="16354"/>
                      <a:pt x="7987" y="20665"/>
                      <a:pt x="17622" y="20665"/>
                    </a:cubicBezTo>
                    <a:lnTo>
                      <a:pt x="30173" y="20665"/>
                    </a:lnTo>
                    <a:cubicBezTo>
                      <a:pt x="39935" y="20665"/>
                      <a:pt x="47795" y="16354"/>
                      <a:pt x="47795" y="11157"/>
                    </a:cubicBezTo>
                    <a:lnTo>
                      <a:pt x="47795" y="9508"/>
                    </a:lnTo>
                    <a:cubicBezTo>
                      <a:pt x="47795" y="4184"/>
                      <a:pt x="39935" y="0"/>
                      <a:pt x="30173" y="0"/>
                    </a:cubicBezTo>
                    <a:lnTo>
                      <a:pt x="17622" y="0"/>
                    </a:lnTo>
                    <a:cubicBezTo>
                      <a:pt x="7860" y="0"/>
                      <a:pt x="0" y="4310"/>
                      <a:pt x="0" y="9508"/>
                    </a:cubicBezTo>
                    <a:lnTo>
                      <a:pt x="0" y="11157"/>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28" name="Freeform: Shape 927">
                <a:extLst>
                  <a:ext uri="{FF2B5EF4-FFF2-40B4-BE49-F238E27FC236}">
                    <a16:creationId xmlns:a16="http://schemas.microsoft.com/office/drawing/2014/main" id="{471FECBB-2571-5D6B-19DC-2DA022A4EA42}"/>
                  </a:ext>
                </a:extLst>
              </p:cNvPr>
              <p:cNvSpPr/>
              <p:nvPr/>
            </p:nvSpPr>
            <p:spPr>
              <a:xfrm>
                <a:off x="17225199" y="8873341"/>
                <a:ext cx="163162" cy="97872"/>
              </a:xfrm>
              <a:custGeom>
                <a:avLst/>
                <a:gdLst>
                  <a:gd name="connsiteX0" fmla="*/ 67953 w 163162"/>
                  <a:gd name="connsiteY0" fmla="*/ 97872 h 97872"/>
                  <a:gd name="connsiteX1" fmla="*/ 163163 w 163162"/>
                  <a:gd name="connsiteY1" fmla="*/ 97872 h 97872"/>
                  <a:gd name="connsiteX2" fmla="*/ 95210 w 163162"/>
                  <a:gd name="connsiteY2" fmla="*/ 0 h 97872"/>
                  <a:gd name="connsiteX3" fmla="*/ 0 w 163162"/>
                  <a:gd name="connsiteY3" fmla="*/ 0 h 97872"/>
                  <a:gd name="connsiteX4" fmla="*/ 67953 w 163162"/>
                  <a:gd name="connsiteY4" fmla="*/ 97872 h 9787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162" h="97872">
                    <a:moveTo>
                      <a:pt x="67953" y="97872"/>
                    </a:moveTo>
                    <a:lnTo>
                      <a:pt x="163163" y="97872"/>
                    </a:lnTo>
                    <a:cubicBezTo>
                      <a:pt x="137934" y="52486"/>
                      <a:pt x="114227" y="19904"/>
                      <a:pt x="95210" y="0"/>
                    </a:cubicBezTo>
                    <a:lnTo>
                      <a:pt x="0" y="0"/>
                    </a:lnTo>
                    <a:cubicBezTo>
                      <a:pt x="19144" y="19904"/>
                      <a:pt x="42724" y="52486"/>
                      <a:pt x="67953" y="97872"/>
                    </a:cubicBez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929" name="Graphic 778">
              <a:extLst>
                <a:ext uri="{FF2B5EF4-FFF2-40B4-BE49-F238E27FC236}">
                  <a16:creationId xmlns:a16="http://schemas.microsoft.com/office/drawing/2014/main" id="{6BE61A12-3DEA-5133-0CEB-410480D06DC7}"/>
                </a:ext>
              </a:extLst>
            </p:cNvPr>
            <p:cNvGrpSpPr/>
            <p:nvPr/>
          </p:nvGrpSpPr>
          <p:grpSpPr>
            <a:xfrm>
              <a:off x="11964937" y="8188234"/>
              <a:ext cx="1416107" cy="709068"/>
              <a:chOff x="11964937" y="8188234"/>
              <a:chExt cx="1416107" cy="709068"/>
            </a:xfrm>
            <a:solidFill>
              <a:srgbClr val="FFFFFF"/>
            </a:solidFill>
          </p:grpSpPr>
          <p:sp>
            <p:nvSpPr>
              <p:cNvPr id="930" name="Freeform: Shape 929">
                <a:extLst>
                  <a:ext uri="{FF2B5EF4-FFF2-40B4-BE49-F238E27FC236}">
                    <a16:creationId xmlns:a16="http://schemas.microsoft.com/office/drawing/2014/main" id="{1C92BF89-DC71-D9EF-AD7E-B73C504E7971}"/>
                  </a:ext>
                </a:extLst>
              </p:cNvPr>
              <p:cNvSpPr/>
              <p:nvPr/>
            </p:nvSpPr>
            <p:spPr>
              <a:xfrm>
                <a:off x="11964937" y="8540803"/>
                <a:ext cx="1099543" cy="356499"/>
              </a:xfrm>
              <a:custGeom>
                <a:avLst/>
                <a:gdLst>
                  <a:gd name="connsiteX0" fmla="*/ 0 w 1099543"/>
                  <a:gd name="connsiteY0" fmla="*/ 0 h 356499"/>
                  <a:gd name="connsiteX1" fmla="*/ 1099544 w 1099543"/>
                  <a:gd name="connsiteY1" fmla="*/ 0 h 356499"/>
                  <a:gd name="connsiteX2" fmla="*/ 1099544 w 1099543"/>
                  <a:gd name="connsiteY2" fmla="*/ 356499 h 356499"/>
                  <a:gd name="connsiteX3" fmla="*/ 0 w 1099543"/>
                  <a:gd name="connsiteY3" fmla="*/ 356499 h 356499"/>
                </a:gdLst>
                <a:ahLst/>
                <a:cxnLst>
                  <a:cxn ang="0">
                    <a:pos x="connsiteX0" y="connsiteY0"/>
                  </a:cxn>
                  <a:cxn ang="0">
                    <a:pos x="connsiteX1" y="connsiteY1"/>
                  </a:cxn>
                  <a:cxn ang="0">
                    <a:pos x="connsiteX2" y="connsiteY2"/>
                  </a:cxn>
                  <a:cxn ang="0">
                    <a:pos x="connsiteX3" y="connsiteY3"/>
                  </a:cxn>
                </a:cxnLst>
                <a:rect l="l" t="t" r="r" b="b"/>
                <a:pathLst>
                  <a:path w="1099543" h="356499">
                    <a:moveTo>
                      <a:pt x="0" y="0"/>
                    </a:moveTo>
                    <a:lnTo>
                      <a:pt x="1099544" y="0"/>
                    </a:lnTo>
                    <a:lnTo>
                      <a:pt x="1099544" y="356499"/>
                    </a:lnTo>
                    <a:lnTo>
                      <a:pt x="0" y="35649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31" name="Freeform: Shape 930">
                <a:extLst>
                  <a:ext uri="{FF2B5EF4-FFF2-40B4-BE49-F238E27FC236}">
                    <a16:creationId xmlns:a16="http://schemas.microsoft.com/office/drawing/2014/main" id="{D7B33063-F452-23C6-25CF-9FD2A1945792}"/>
                  </a:ext>
                </a:extLst>
              </p:cNvPr>
              <p:cNvSpPr/>
              <p:nvPr/>
            </p:nvSpPr>
            <p:spPr>
              <a:xfrm>
                <a:off x="12076247" y="8614841"/>
                <a:ext cx="876921" cy="62881"/>
              </a:xfrm>
              <a:custGeom>
                <a:avLst/>
                <a:gdLst>
                  <a:gd name="connsiteX0" fmla="*/ 0 w 876921"/>
                  <a:gd name="connsiteY0" fmla="*/ 0 h 62881"/>
                  <a:gd name="connsiteX1" fmla="*/ 876922 w 876921"/>
                  <a:gd name="connsiteY1" fmla="*/ 0 h 62881"/>
                  <a:gd name="connsiteX2" fmla="*/ 876922 w 876921"/>
                  <a:gd name="connsiteY2" fmla="*/ 62882 h 62881"/>
                  <a:gd name="connsiteX3" fmla="*/ 0 w 876921"/>
                  <a:gd name="connsiteY3" fmla="*/ 62882 h 62881"/>
                </a:gdLst>
                <a:ahLst/>
                <a:cxnLst>
                  <a:cxn ang="0">
                    <a:pos x="connsiteX0" y="connsiteY0"/>
                  </a:cxn>
                  <a:cxn ang="0">
                    <a:pos x="connsiteX1" y="connsiteY1"/>
                  </a:cxn>
                  <a:cxn ang="0">
                    <a:pos x="connsiteX2" y="connsiteY2"/>
                  </a:cxn>
                  <a:cxn ang="0">
                    <a:pos x="connsiteX3" y="connsiteY3"/>
                  </a:cxn>
                </a:cxnLst>
                <a:rect l="l" t="t" r="r" b="b"/>
                <a:pathLst>
                  <a:path w="876921" h="62881">
                    <a:moveTo>
                      <a:pt x="0" y="0"/>
                    </a:moveTo>
                    <a:lnTo>
                      <a:pt x="876922" y="0"/>
                    </a:lnTo>
                    <a:lnTo>
                      <a:pt x="876922" y="62882"/>
                    </a:lnTo>
                    <a:lnTo>
                      <a:pt x="0" y="6288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32" name="Freeform: Shape 931">
                <a:extLst>
                  <a:ext uri="{FF2B5EF4-FFF2-40B4-BE49-F238E27FC236}">
                    <a16:creationId xmlns:a16="http://schemas.microsoft.com/office/drawing/2014/main" id="{8738A401-7D72-A06A-BDBF-281540487C55}"/>
                  </a:ext>
                </a:extLst>
              </p:cNvPr>
              <p:cNvSpPr/>
              <p:nvPr/>
            </p:nvSpPr>
            <p:spPr>
              <a:xfrm>
                <a:off x="12076247" y="8723997"/>
                <a:ext cx="876921" cy="62881"/>
              </a:xfrm>
              <a:custGeom>
                <a:avLst/>
                <a:gdLst>
                  <a:gd name="connsiteX0" fmla="*/ 0 w 876921"/>
                  <a:gd name="connsiteY0" fmla="*/ 0 h 62881"/>
                  <a:gd name="connsiteX1" fmla="*/ 876922 w 876921"/>
                  <a:gd name="connsiteY1" fmla="*/ 0 h 62881"/>
                  <a:gd name="connsiteX2" fmla="*/ 876922 w 876921"/>
                  <a:gd name="connsiteY2" fmla="*/ 62882 h 62881"/>
                  <a:gd name="connsiteX3" fmla="*/ 0 w 876921"/>
                  <a:gd name="connsiteY3" fmla="*/ 62882 h 62881"/>
                </a:gdLst>
                <a:ahLst/>
                <a:cxnLst>
                  <a:cxn ang="0">
                    <a:pos x="connsiteX0" y="connsiteY0"/>
                  </a:cxn>
                  <a:cxn ang="0">
                    <a:pos x="connsiteX1" y="connsiteY1"/>
                  </a:cxn>
                  <a:cxn ang="0">
                    <a:pos x="connsiteX2" y="connsiteY2"/>
                  </a:cxn>
                  <a:cxn ang="0">
                    <a:pos x="connsiteX3" y="connsiteY3"/>
                  </a:cxn>
                </a:cxnLst>
                <a:rect l="l" t="t" r="r" b="b"/>
                <a:pathLst>
                  <a:path w="876921" h="62881">
                    <a:moveTo>
                      <a:pt x="0" y="0"/>
                    </a:moveTo>
                    <a:lnTo>
                      <a:pt x="876922" y="0"/>
                    </a:lnTo>
                    <a:lnTo>
                      <a:pt x="876922" y="62882"/>
                    </a:lnTo>
                    <a:lnTo>
                      <a:pt x="0" y="6288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33" name="Freeform: Shape 932">
                <a:extLst>
                  <a:ext uri="{FF2B5EF4-FFF2-40B4-BE49-F238E27FC236}">
                    <a16:creationId xmlns:a16="http://schemas.microsoft.com/office/drawing/2014/main" id="{A3A4D7D2-0DED-A030-35DB-BA3AD1B3D6F9}"/>
                  </a:ext>
                </a:extLst>
              </p:cNvPr>
              <p:cNvSpPr/>
              <p:nvPr/>
            </p:nvSpPr>
            <p:spPr>
              <a:xfrm>
                <a:off x="13064480" y="8540803"/>
                <a:ext cx="316437" cy="356499"/>
              </a:xfrm>
              <a:custGeom>
                <a:avLst/>
                <a:gdLst>
                  <a:gd name="connsiteX0" fmla="*/ 0 w 316437"/>
                  <a:gd name="connsiteY0" fmla="*/ 0 h 356499"/>
                  <a:gd name="connsiteX1" fmla="*/ 316438 w 316437"/>
                  <a:gd name="connsiteY1" fmla="*/ 0 h 356499"/>
                  <a:gd name="connsiteX2" fmla="*/ 316438 w 316437"/>
                  <a:gd name="connsiteY2" fmla="*/ 356499 h 356499"/>
                  <a:gd name="connsiteX3" fmla="*/ 1 w 316437"/>
                  <a:gd name="connsiteY3" fmla="*/ 356499 h 356499"/>
                </a:gdLst>
                <a:ahLst/>
                <a:cxnLst>
                  <a:cxn ang="0">
                    <a:pos x="connsiteX0" y="connsiteY0"/>
                  </a:cxn>
                  <a:cxn ang="0">
                    <a:pos x="connsiteX1" y="connsiteY1"/>
                  </a:cxn>
                  <a:cxn ang="0">
                    <a:pos x="connsiteX2" y="connsiteY2"/>
                  </a:cxn>
                  <a:cxn ang="0">
                    <a:pos x="connsiteX3" y="connsiteY3"/>
                  </a:cxn>
                </a:cxnLst>
                <a:rect l="l" t="t" r="r" b="b"/>
                <a:pathLst>
                  <a:path w="316437" h="356499">
                    <a:moveTo>
                      <a:pt x="0" y="0"/>
                    </a:moveTo>
                    <a:lnTo>
                      <a:pt x="316438" y="0"/>
                    </a:lnTo>
                    <a:lnTo>
                      <a:pt x="316438" y="356499"/>
                    </a:lnTo>
                    <a:lnTo>
                      <a:pt x="1" y="35649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34" name="Freeform: Shape 933">
                <a:extLst>
                  <a:ext uri="{FF2B5EF4-FFF2-40B4-BE49-F238E27FC236}">
                    <a16:creationId xmlns:a16="http://schemas.microsoft.com/office/drawing/2014/main" id="{6A4E44D3-0C97-93E5-E7A4-1770ACC086B0}"/>
                  </a:ext>
                </a:extLst>
              </p:cNvPr>
              <p:cNvSpPr/>
              <p:nvPr/>
            </p:nvSpPr>
            <p:spPr>
              <a:xfrm>
                <a:off x="13134842" y="8704473"/>
                <a:ext cx="183067" cy="192829"/>
              </a:xfrm>
              <a:custGeom>
                <a:avLst/>
                <a:gdLst>
                  <a:gd name="connsiteX0" fmla="*/ 0 w 183067"/>
                  <a:gd name="connsiteY0" fmla="*/ 0 h 192829"/>
                  <a:gd name="connsiteX1" fmla="*/ 183067 w 183067"/>
                  <a:gd name="connsiteY1" fmla="*/ 0 h 192829"/>
                  <a:gd name="connsiteX2" fmla="*/ 183067 w 183067"/>
                  <a:gd name="connsiteY2" fmla="*/ 192829 h 192829"/>
                  <a:gd name="connsiteX3" fmla="*/ 0 w 183067"/>
                  <a:gd name="connsiteY3" fmla="*/ 192829 h 192829"/>
                </a:gdLst>
                <a:ahLst/>
                <a:cxnLst>
                  <a:cxn ang="0">
                    <a:pos x="connsiteX0" y="connsiteY0"/>
                  </a:cxn>
                  <a:cxn ang="0">
                    <a:pos x="connsiteX1" y="connsiteY1"/>
                  </a:cxn>
                  <a:cxn ang="0">
                    <a:pos x="connsiteX2" y="connsiteY2"/>
                  </a:cxn>
                  <a:cxn ang="0">
                    <a:pos x="connsiteX3" y="connsiteY3"/>
                  </a:cxn>
                </a:cxnLst>
                <a:rect l="l" t="t" r="r" b="b"/>
                <a:pathLst>
                  <a:path w="183067" h="192829">
                    <a:moveTo>
                      <a:pt x="0" y="0"/>
                    </a:moveTo>
                    <a:lnTo>
                      <a:pt x="183067" y="0"/>
                    </a:lnTo>
                    <a:lnTo>
                      <a:pt x="183067" y="192829"/>
                    </a:lnTo>
                    <a:lnTo>
                      <a:pt x="0" y="19282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35" name="Freeform: Shape 934">
                <a:extLst>
                  <a:ext uri="{FF2B5EF4-FFF2-40B4-BE49-F238E27FC236}">
                    <a16:creationId xmlns:a16="http://schemas.microsoft.com/office/drawing/2014/main" id="{807F26C7-D955-C07C-B6F6-6BFA8B3EEFA2}"/>
                  </a:ext>
                </a:extLst>
              </p:cNvPr>
              <p:cNvSpPr/>
              <p:nvPr/>
            </p:nvSpPr>
            <p:spPr>
              <a:xfrm>
                <a:off x="11964937" y="8309053"/>
                <a:ext cx="1416107" cy="231749"/>
              </a:xfrm>
              <a:custGeom>
                <a:avLst/>
                <a:gdLst>
                  <a:gd name="connsiteX0" fmla="*/ 1416107 w 1416107"/>
                  <a:gd name="connsiteY0" fmla="*/ 0 h 231749"/>
                  <a:gd name="connsiteX1" fmla="*/ 309084 w 1416107"/>
                  <a:gd name="connsiteY1" fmla="*/ 0 h 231749"/>
                  <a:gd name="connsiteX2" fmla="*/ 0 w 1416107"/>
                  <a:gd name="connsiteY2" fmla="*/ 231750 h 231749"/>
                  <a:gd name="connsiteX3" fmla="*/ 1099544 w 1416107"/>
                  <a:gd name="connsiteY3" fmla="*/ 231750 h 231749"/>
                  <a:gd name="connsiteX4" fmla="*/ 1416107 w 1416107"/>
                  <a:gd name="connsiteY4" fmla="*/ 0 h 231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16107" h="231749">
                    <a:moveTo>
                      <a:pt x="1416107" y="0"/>
                    </a:moveTo>
                    <a:lnTo>
                      <a:pt x="309084" y="0"/>
                    </a:lnTo>
                    <a:lnTo>
                      <a:pt x="0" y="231750"/>
                    </a:lnTo>
                    <a:lnTo>
                      <a:pt x="1099544" y="231750"/>
                    </a:lnTo>
                    <a:lnTo>
                      <a:pt x="1416107"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36" name="Freeform: Shape 935">
                <a:extLst>
                  <a:ext uri="{FF2B5EF4-FFF2-40B4-BE49-F238E27FC236}">
                    <a16:creationId xmlns:a16="http://schemas.microsoft.com/office/drawing/2014/main" id="{21ADF5D2-2C8A-3DC3-4F65-D3B2F2F9B4DE}"/>
                  </a:ext>
                </a:extLst>
              </p:cNvPr>
              <p:cNvSpPr/>
              <p:nvPr/>
            </p:nvSpPr>
            <p:spPr>
              <a:xfrm>
                <a:off x="13064480" y="8309053"/>
                <a:ext cx="316563" cy="231749"/>
              </a:xfrm>
              <a:custGeom>
                <a:avLst/>
                <a:gdLst>
                  <a:gd name="connsiteX0" fmla="*/ 0 w 316563"/>
                  <a:gd name="connsiteY0" fmla="*/ 231750 h 231749"/>
                  <a:gd name="connsiteX1" fmla="*/ 316564 w 316563"/>
                  <a:gd name="connsiteY1" fmla="*/ 0 h 231749"/>
                  <a:gd name="connsiteX2" fmla="*/ 316564 w 316563"/>
                  <a:gd name="connsiteY2" fmla="*/ 231750 h 231749"/>
                  <a:gd name="connsiteX3" fmla="*/ 0 w 316563"/>
                  <a:gd name="connsiteY3" fmla="*/ 231750 h 231749"/>
                </a:gdLst>
                <a:ahLst/>
                <a:cxnLst>
                  <a:cxn ang="0">
                    <a:pos x="connsiteX0" y="connsiteY0"/>
                  </a:cxn>
                  <a:cxn ang="0">
                    <a:pos x="connsiteX1" y="connsiteY1"/>
                  </a:cxn>
                  <a:cxn ang="0">
                    <a:pos x="connsiteX2" y="connsiteY2"/>
                  </a:cxn>
                  <a:cxn ang="0">
                    <a:pos x="connsiteX3" y="connsiteY3"/>
                  </a:cxn>
                </a:cxnLst>
                <a:rect l="l" t="t" r="r" b="b"/>
                <a:pathLst>
                  <a:path w="316563" h="231749">
                    <a:moveTo>
                      <a:pt x="0" y="231750"/>
                    </a:moveTo>
                    <a:lnTo>
                      <a:pt x="316564" y="0"/>
                    </a:lnTo>
                    <a:lnTo>
                      <a:pt x="316564" y="231750"/>
                    </a:lnTo>
                    <a:lnTo>
                      <a:pt x="0" y="23175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37" name="Freeform: Shape 936">
                <a:extLst>
                  <a:ext uri="{FF2B5EF4-FFF2-40B4-BE49-F238E27FC236}">
                    <a16:creationId xmlns:a16="http://schemas.microsoft.com/office/drawing/2014/main" id="{008F4EFE-4A77-EDB2-97E6-C412CB9855FE}"/>
                  </a:ext>
                </a:extLst>
              </p:cNvPr>
              <p:cNvSpPr/>
              <p:nvPr/>
            </p:nvSpPr>
            <p:spPr>
              <a:xfrm>
                <a:off x="12345270" y="8188234"/>
                <a:ext cx="68713" cy="217297"/>
              </a:xfrm>
              <a:custGeom>
                <a:avLst/>
                <a:gdLst>
                  <a:gd name="connsiteX0" fmla="*/ 68714 w 68713"/>
                  <a:gd name="connsiteY0" fmla="*/ 217297 h 217297"/>
                  <a:gd name="connsiteX1" fmla="*/ 0 w 68713"/>
                  <a:gd name="connsiteY1" fmla="*/ 217297 h 217297"/>
                  <a:gd name="connsiteX2" fmla="*/ 0 w 68713"/>
                  <a:gd name="connsiteY2" fmla="*/ 34357 h 217297"/>
                  <a:gd name="connsiteX3" fmla="*/ 34357 w 68713"/>
                  <a:gd name="connsiteY3" fmla="*/ 0 h 217297"/>
                  <a:gd name="connsiteX4" fmla="*/ 34357 w 68713"/>
                  <a:gd name="connsiteY4" fmla="*/ 0 h 217297"/>
                  <a:gd name="connsiteX5" fmla="*/ 68714 w 68713"/>
                  <a:gd name="connsiteY5" fmla="*/ 34357 h 217297"/>
                  <a:gd name="connsiteX6" fmla="*/ 68714 w 68713"/>
                  <a:gd name="connsiteY6" fmla="*/ 217297 h 2172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713" h="217297">
                    <a:moveTo>
                      <a:pt x="68714" y="217297"/>
                    </a:moveTo>
                    <a:lnTo>
                      <a:pt x="0" y="217297"/>
                    </a:lnTo>
                    <a:lnTo>
                      <a:pt x="0" y="34357"/>
                    </a:lnTo>
                    <a:cubicBezTo>
                      <a:pt x="0" y="15340"/>
                      <a:pt x="15340" y="0"/>
                      <a:pt x="34357" y="0"/>
                    </a:cubicBezTo>
                    <a:lnTo>
                      <a:pt x="34357" y="0"/>
                    </a:lnTo>
                    <a:cubicBezTo>
                      <a:pt x="53373" y="0"/>
                      <a:pt x="68714" y="15340"/>
                      <a:pt x="68714" y="34357"/>
                    </a:cubicBezTo>
                    <a:lnTo>
                      <a:pt x="68714" y="217297"/>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38" name="Freeform: Shape 937">
                <a:extLst>
                  <a:ext uri="{FF2B5EF4-FFF2-40B4-BE49-F238E27FC236}">
                    <a16:creationId xmlns:a16="http://schemas.microsoft.com/office/drawing/2014/main" id="{53AA84D1-8A89-5048-82DE-F9EB77FBCF8E}"/>
                  </a:ext>
                </a:extLst>
              </p:cNvPr>
              <p:cNvSpPr/>
              <p:nvPr/>
            </p:nvSpPr>
            <p:spPr>
              <a:xfrm>
                <a:off x="12502981" y="8188234"/>
                <a:ext cx="68713" cy="217297"/>
              </a:xfrm>
              <a:custGeom>
                <a:avLst/>
                <a:gdLst>
                  <a:gd name="connsiteX0" fmla="*/ 68713 w 68713"/>
                  <a:gd name="connsiteY0" fmla="*/ 217297 h 217297"/>
                  <a:gd name="connsiteX1" fmla="*/ 0 w 68713"/>
                  <a:gd name="connsiteY1" fmla="*/ 217297 h 217297"/>
                  <a:gd name="connsiteX2" fmla="*/ 0 w 68713"/>
                  <a:gd name="connsiteY2" fmla="*/ 34357 h 217297"/>
                  <a:gd name="connsiteX3" fmla="*/ 34357 w 68713"/>
                  <a:gd name="connsiteY3" fmla="*/ 0 h 217297"/>
                  <a:gd name="connsiteX4" fmla="*/ 34357 w 68713"/>
                  <a:gd name="connsiteY4" fmla="*/ 0 h 217297"/>
                  <a:gd name="connsiteX5" fmla="*/ 68713 w 68713"/>
                  <a:gd name="connsiteY5" fmla="*/ 34357 h 217297"/>
                  <a:gd name="connsiteX6" fmla="*/ 68713 w 68713"/>
                  <a:gd name="connsiteY6" fmla="*/ 217297 h 2172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713" h="217297">
                    <a:moveTo>
                      <a:pt x="68713" y="217297"/>
                    </a:moveTo>
                    <a:lnTo>
                      <a:pt x="0" y="217297"/>
                    </a:lnTo>
                    <a:lnTo>
                      <a:pt x="0" y="34357"/>
                    </a:lnTo>
                    <a:cubicBezTo>
                      <a:pt x="0" y="15340"/>
                      <a:pt x="15340" y="0"/>
                      <a:pt x="34357" y="0"/>
                    </a:cubicBezTo>
                    <a:lnTo>
                      <a:pt x="34357" y="0"/>
                    </a:lnTo>
                    <a:cubicBezTo>
                      <a:pt x="53373" y="0"/>
                      <a:pt x="68713" y="15340"/>
                      <a:pt x="68713" y="34357"/>
                    </a:cubicBezTo>
                    <a:lnTo>
                      <a:pt x="68713" y="217297"/>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939" name="Graphic 778">
              <a:extLst>
                <a:ext uri="{FF2B5EF4-FFF2-40B4-BE49-F238E27FC236}">
                  <a16:creationId xmlns:a16="http://schemas.microsoft.com/office/drawing/2014/main" id="{CCE686D7-E170-9BF7-8481-E81B836AE1A0}"/>
                </a:ext>
              </a:extLst>
            </p:cNvPr>
            <p:cNvGrpSpPr/>
            <p:nvPr/>
          </p:nvGrpSpPr>
          <p:grpSpPr>
            <a:xfrm>
              <a:off x="9687628" y="7258826"/>
              <a:ext cx="490376" cy="109916"/>
              <a:chOff x="9687628" y="7258826"/>
              <a:chExt cx="490376" cy="109916"/>
            </a:xfrm>
            <a:noFill/>
          </p:grpSpPr>
          <p:sp>
            <p:nvSpPr>
              <p:cNvPr id="940" name="Freeform: Shape 939">
                <a:extLst>
                  <a:ext uri="{FF2B5EF4-FFF2-40B4-BE49-F238E27FC236}">
                    <a16:creationId xmlns:a16="http://schemas.microsoft.com/office/drawing/2014/main" id="{A3226D9D-4400-C230-B6B5-40A5AEC5C451}"/>
                  </a:ext>
                </a:extLst>
              </p:cNvPr>
              <p:cNvSpPr/>
              <p:nvPr/>
            </p:nvSpPr>
            <p:spPr>
              <a:xfrm>
                <a:off x="9811363" y="7258826"/>
                <a:ext cx="366641" cy="24468"/>
              </a:xfrm>
              <a:custGeom>
                <a:avLst/>
                <a:gdLst>
                  <a:gd name="connsiteX0" fmla="*/ 366641 w 366641"/>
                  <a:gd name="connsiteY0" fmla="*/ 24468 h 24468"/>
                  <a:gd name="connsiteX1" fmla="*/ 305534 w 366641"/>
                  <a:gd name="connsiteY1" fmla="*/ 0 h 24468"/>
                  <a:gd name="connsiteX2" fmla="*/ 244427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7"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sp>
            <p:nvSpPr>
              <p:cNvPr id="941" name="Freeform: Shape 940">
                <a:extLst>
                  <a:ext uri="{FF2B5EF4-FFF2-40B4-BE49-F238E27FC236}">
                    <a16:creationId xmlns:a16="http://schemas.microsoft.com/office/drawing/2014/main" id="{EB2FCECA-A002-1D48-E60C-CECA0468CBFC}"/>
                  </a:ext>
                </a:extLst>
              </p:cNvPr>
              <p:cNvSpPr/>
              <p:nvPr/>
            </p:nvSpPr>
            <p:spPr>
              <a:xfrm>
                <a:off x="9687628" y="7344274"/>
                <a:ext cx="366641" cy="24468"/>
              </a:xfrm>
              <a:custGeom>
                <a:avLst/>
                <a:gdLst>
                  <a:gd name="connsiteX0" fmla="*/ 366641 w 366641"/>
                  <a:gd name="connsiteY0" fmla="*/ 24468 h 24468"/>
                  <a:gd name="connsiteX1" fmla="*/ 305534 w 366641"/>
                  <a:gd name="connsiteY1" fmla="*/ 0 h 24468"/>
                  <a:gd name="connsiteX2" fmla="*/ 244427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7"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grpSp>
        <p:grpSp>
          <p:nvGrpSpPr>
            <p:cNvPr id="942" name="Graphic 778">
              <a:extLst>
                <a:ext uri="{FF2B5EF4-FFF2-40B4-BE49-F238E27FC236}">
                  <a16:creationId xmlns:a16="http://schemas.microsoft.com/office/drawing/2014/main" id="{12E0D3C0-675B-B1D5-2541-5D5BAA26BD90}"/>
                </a:ext>
              </a:extLst>
            </p:cNvPr>
            <p:cNvGrpSpPr/>
            <p:nvPr/>
          </p:nvGrpSpPr>
          <p:grpSpPr>
            <a:xfrm>
              <a:off x="8750613" y="8221577"/>
              <a:ext cx="490503" cy="110043"/>
              <a:chOff x="8750613" y="8221577"/>
              <a:chExt cx="490503" cy="110043"/>
            </a:xfrm>
            <a:noFill/>
          </p:grpSpPr>
          <p:sp>
            <p:nvSpPr>
              <p:cNvPr id="943" name="Freeform: Shape 942">
                <a:extLst>
                  <a:ext uri="{FF2B5EF4-FFF2-40B4-BE49-F238E27FC236}">
                    <a16:creationId xmlns:a16="http://schemas.microsoft.com/office/drawing/2014/main" id="{EB97BFCF-E437-8362-0637-031F4FA6B09D}"/>
                  </a:ext>
                </a:extLst>
              </p:cNvPr>
              <p:cNvSpPr/>
              <p:nvPr/>
            </p:nvSpPr>
            <p:spPr>
              <a:xfrm>
                <a:off x="8874475" y="8221577"/>
                <a:ext cx="366641" cy="24468"/>
              </a:xfrm>
              <a:custGeom>
                <a:avLst/>
                <a:gdLst>
                  <a:gd name="connsiteX0" fmla="*/ 366641 w 366641"/>
                  <a:gd name="connsiteY0" fmla="*/ 24468 h 24468"/>
                  <a:gd name="connsiteX1" fmla="*/ 305534 w 366641"/>
                  <a:gd name="connsiteY1" fmla="*/ 0 h 24468"/>
                  <a:gd name="connsiteX2" fmla="*/ 244427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7"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sp>
            <p:nvSpPr>
              <p:cNvPr id="944" name="Freeform: Shape 943">
                <a:extLst>
                  <a:ext uri="{FF2B5EF4-FFF2-40B4-BE49-F238E27FC236}">
                    <a16:creationId xmlns:a16="http://schemas.microsoft.com/office/drawing/2014/main" id="{A6FA0E86-D547-31A8-23AC-F0EF0F29951C}"/>
                  </a:ext>
                </a:extLst>
              </p:cNvPr>
              <p:cNvSpPr/>
              <p:nvPr/>
            </p:nvSpPr>
            <p:spPr>
              <a:xfrm>
                <a:off x="8750613" y="8307152"/>
                <a:ext cx="366641" cy="24468"/>
              </a:xfrm>
              <a:custGeom>
                <a:avLst/>
                <a:gdLst>
                  <a:gd name="connsiteX0" fmla="*/ 366641 w 366641"/>
                  <a:gd name="connsiteY0" fmla="*/ 24468 h 24468"/>
                  <a:gd name="connsiteX1" fmla="*/ 305534 w 366641"/>
                  <a:gd name="connsiteY1" fmla="*/ 0 h 24468"/>
                  <a:gd name="connsiteX2" fmla="*/ 244428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8"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grpSp>
        <p:grpSp>
          <p:nvGrpSpPr>
            <p:cNvPr id="945" name="Graphic 778">
              <a:extLst>
                <a:ext uri="{FF2B5EF4-FFF2-40B4-BE49-F238E27FC236}">
                  <a16:creationId xmlns:a16="http://schemas.microsoft.com/office/drawing/2014/main" id="{483F072C-194F-76C9-BBD1-2C855C127C7E}"/>
                </a:ext>
              </a:extLst>
            </p:cNvPr>
            <p:cNvGrpSpPr/>
            <p:nvPr/>
          </p:nvGrpSpPr>
          <p:grpSpPr>
            <a:xfrm>
              <a:off x="7925290" y="8504798"/>
              <a:ext cx="490376" cy="110043"/>
              <a:chOff x="7925290" y="8504798"/>
              <a:chExt cx="490376" cy="110043"/>
            </a:xfrm>
            <a:noFill/>
          </p:grpSpPr>
          <p:sp>
            <p:nvSpPr>
              <p:cNvPr id="946" name="Freeform: Shape 945">
                <a:extLst>
                  <a:ext uri="{FF2B5EF4-FFF2-40B4-BE49-F238E27FC236}">
                    <a16:creationId xmlns:a16="http://schemas.microsoft.com/office/drawing/2014/main" id="{56E20BDF-BE28-BAA2-9789-4352FC0A47C0}"/>
                  </a:ext>
                </a:extLst>
              </p:cNvPr>
              <p:cNvSpPr/>
              <p:nvPr/>
            </p:nvSpPr>
            <p:spPr>
              <a:xfrm>
                <a:off x="8049025" y="8504798"/>
                <a:ext cx="366641" cy="24468"/>
              </a:xfrm>
              <a:custGeom>
                <a:avLst/>
                <a:gdLst>
                  <a:gd name="connsiteX0" fmla="*/ 366641 w 366641"/>
                  <a:gd name="connsiteY0" fmla="*/ 24468 h 24468"/>
                  <a:gd name="connsiteX1" fmla="*/ 305534 w 366641"/>
                  <a:gd name="connsiteY1" fmla="*/ 0 h 24468"/>
                  <a:gd name="connsiteX2" fmla="*/ 244428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8"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sp>
            <p:nvSpPr>
              <p:cNvPr id="947" name="Freeform: Shape 946">
                <a:extLst>
                  <a:ext uri="{FF2B5EF4-FFF2-40B4-BE49-F238E27FC236}">
                    <a16:creationId xmlns:a16="http://schemas.microsoft.com/office/drawing/2014/main" id="{4F8F6CFA-5DC4-C70B-B322-EB6A91E4DB7D}"/>
                  </a:ext>
                </a:extLst>
              </p:cNvPr>
              <p:cNvSpPr/>
              <p:nvPr/>
            </p:nvSpPr>
            <p:spPr>
              <a:xfrm>
                <a:off x="7925290" y="8590373"/>
                <a:ext cx="366641" cy="24468"/>
              </a:xfrm>
              <a:custGeom>
                <a:avLst/>
                <a:gdLst>
                  <a:gd name="connsiteX0" fmla="*/ 366641 w 366641"/>
                  <a:gd name="connsiteY0" fmla="*/ 24468 h 24468"/>
                  <a:gd name="connsiteX1" fmla="*/ 305534 w 366641"/>
                  <a:gd name="connsiteY1" fmla="*/ 0 h 24468"/>
                  <a:gd name="connsiteX2" fmla="*/ 244427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7"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grpSp>
        <p:grpSp>
          <p:nvGrpSpPr>
            <p:cNvPr id="948" name="Graphic 778">
              <a:extLst>
                <a:ext uri="{FF2B5EF4-FFF2-40B4-BE49-F238E27FC236}">
                  <a16:creationId xmlns:a16="http://schemas.microsoft.com/office/drawing/2014/main" id="{E97FCEB8-E0E6-F04F-6506-7695FC116082}"/>
                </a:ext>
              </a:extLst>
            </p:cNvPr>
            <p:cNvGrpSpPr/>
            <p:nvPr/>
          </p:nvGrpSpPr>
          <p:grpSpPr>
            <a:xfrm>
              <a:off x="7087670" y="7799280"/>
              <a:ext cx="490376" cy="109916"/>
              <a:chOff x="7087670" y="7799280"/>
              <a:chExt cx="490376" cy="109916"/>
            </a:xfrm>
            <a:noFill/>
          </p:grpSpPr>
          <p:sp>
            <p:nvSpPr>
              <p:cNvPr id="949" name="Freeform: Shape 948">
                <a:extLst>
                  <a:ext uri="{FF2B5EF4-FFF2-40B4-BE49-F238E27FC236}">
                    <a16:creationId xmlns:a16="http://schemas.microsoft.com/office/drawing/2014/main" id="{E4AEF323-BA93-02DC-55CE-8147DD20AB01}"/>
                  </a:ext>
                </a:extLst>
              </p:cNvPr>
              <p:cNvSpPr/>
              <p:nvPr/>
            </p:nvSpPr>
            <p:spPr>
              <a:xfrm>
                <a:off x="7211405" y="7799280"/>
                <a:ext cx="366641" cy="24468"/>
              </a:xfrm>
              <a:custGeom>
                <a:avLst/>
                <a:gdLst>
                  <a:gd name="connsiteX0" fmla="*/ 366641 w 366641"/>
                  <a:gd name="connsiteY0" fmla="*/ 24468 h 24468"/>
                  <a:gd name="connsiteX1" fmla="*/ 305534 w 366641"/>
                  <a:gd name="connsiteY1" fmla="*/ 0 h 24468"/>
                  <a:gd name="connsiteX2" fmla="*/ 244427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7"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sp>
            <p:nvSpPr>
              <p:cNvPr id="950" name="Freeform: Shape 949">
                <a:extLst>
                  <a:ext uri="{FF2B5EF4-FFF2-40B4-BE49-F238E27FC236}">
                    <a16:creationId xmlns:a16="http://schemas.microsoft.com/office/drawing/2014/main" id="{1B1A68B4-5FF8-ABA9-D462-F5E60079CCCD}"/>
                  </a:ext>
                </a:extLst>
              </p:cNvPr>
              <p:cNvSpPr/>
              <p:nvPr/>
            </p:nvSpPr>
            <p:spPr>
              <a:xfrm>
                <a:off x="7087670" y="7884728"/>
                <a:ext cx="366641" cy="24468"/>
              </a:xfrm>
              <a:custGeom>
                <a:avLst/>
                <a:gdLst>
                  <a:gd name="connsiteX0" fmla="*/ 366641 w 366641"/>
                  <a:gd name="connsiteY0" fmla="*/ 24468 h 24468"/>
                  <a:gd name="connsiteX1" fmla="*/ 305534 w 366641"/>
                  <a:gd name="connsiteY1" fmla="*/ 0 h 24468"/>
                  <a:gd name="connsiteX2" fmla="*/ 244428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8"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grpSp>
        <p:grpSp>
          <p:nvGrpSpPr>
            <p:cNvPr id="951" name="Graphic 778">
              <a:extLst>
                <a:ext uri="{FF2B5EF4-FFF2-40B4-BE49-F238E27FC236}">
                  <a16:creationId xmlns:a16="http://schemas.microsoft.com/office/drawing/2014/main" id="{F908691E-8968-37DC-EB22-0FBFC28557BC}"/>
                </a:ext>
              </a:extLst>
            </p:cNvPr>
            <p:cNvGrpSpPr/>
            <p:nvPr/>
          </p:nvGrpSpPr>
          <p:grpSpPr>
            <a:xfrm>
              <a:off x="6842355" y="7393211"/>
              <a:ext cx="490503" cy="110043"/>
              <a:chOff x="6842355" y="7393211"/>
              <a:chExt cx="490503" cy="110043"/>
            </a:xfrm>
            <a:noFill/>
          </p:grpSpPr>
          <p:sp>
            <p:nvSpPr>
              <p:cNvPr id="952" name="Freeform: Shape 951">
                <a:extLst>
                  <a:ext uri="{FF2B5EF4-FFF2-40B4-BE49-F238E27FC236}">
                    <a16:creationId xmlns:a16="http://schemas.microsoft.com/office/drawing/2014/main" id="{EBA8053C-E891-17F0-51CB-C6D945D258D3}"/>
                  </a:ext>
                </a:extLst>
              </p:cNvPr>
              <p:cNvSpPr/>
              <p:nvPr/>
            </p:nvSpPr>
            <p:spPr>
              <a:xfrm>
                <a:off x="6966217" y="7393211"/>
                <a:ext cx="366641" cy="24468"/>
              </a:xfrm>
              <a:custGeom>
                <a:avLst/>
                <a:gdLst>
                  <a:gd name="connsiteX0" fmla="*/ 366641 w 366641"/>
                  <a:gd name="connsiteY0" fmla="*/ 24468 h 24468"/>
                  <a:gd name="connsiteX1" fmla="*/ 305534 w 366641"/>
                  <a:gd name="connsiteY1" fmla="*/ 0 h 24468"/>
                  <a:gd name="connsiteX2" fmla="*/ 244427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7"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sp>
            <p:nvSpPr>
              <p:cNvPr id="953" name="Freeform: Shape 952">
                <a:extLst>
                  <a:ext uri="{FF2B5EF4-FFF2-40B4-BE49-F238E27FC236}">
                    <a16:creationId xmlns:a16="http://schemas.microsoft.com/office/drawing/2014/main" id="{B1D303BC-3CE3-7A9D-4F69-B10E5E25FD65}"/>
                  </a:ext>
                </a:extLst>
              </p:cNvPr>
              <p:cNvSpPr/>
              <p:nvPr/>
            </p:nvSpPr>
            <p:spPr>
              <a:xfrm>
                <a:off x="6842355" y="7478786"/>
                <a:ext cx="366641" cy="24468"/>
              </a:xfrm>
              <a:custGeom>
                <a:avLst/>
                <a:gdLst>
                  <a:gd name="connsiteX0" fmla="*/ 366641 w 366641"/>
                  <a:gd name="connsiteY0" fmla="*/ 24468 h 24468"/>
                  <a:gd name="connsiteX1" fmla="*/ 305534 w 366641"/>
                  <a:gd name="connsiteY1" fmla="*/ 0 h 24468"/>
                  <a:gd name="connsiteX2" fmla="*/ 244428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8"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grpSp>
        <p:grpSp>
          <p:nvGrpSpPr>
            <p:cNvPr id="954" name="Graphic 778">
              <a:extLst>
                <a:ext uri="{FF2B5EF4-FFF2-40B4-BE49-F238E27FC236}">
                  <a16:creationId xmlns:a16="http://schemas.microsoft.com/office/drawing/2014/main" id="{7AD9F245-5684-95BD-CA73-F7E602255831}"/>
                </a:ext>
              </a:extLst>
            </p:cNvPr>
            <p:cNvGrpSpPr/>
            <p:nvPr/>
          </p:nvGrpSpPr>
          <p:grpSpPr>
            <a:xfrm>
              <a:off x="6936297" y="8179740"/>
              <a:ext cx="490376" cy="109916"/>
              <a:chOff x="6936297" y="8179740"/>
              <a:chExt cx="490376" cy="109916"/>
            </a:xfrm>
            <a:noFill/>
          </p:grpSpPr>
          <p:sp>
            <p:nvSpPr>
              <p:cNvPr id="955" name="Freeform: Shape 954">
                <a:extLst>
                  <a:ext uri="{FF2B5EF4-FFF2-40B4-BE49-F238E27FC236}">
                    <a16:creationId xmlns:a16="http://schemas.microsoft.com/office/drawing/2014/main" id="{8EF2D5FD-625F-8743-5894-0D5EA1D5531C}"/>
                  </a:ext>
                </a:extLst>
              </p:cNvPr>
              <p:cNvSpPr/>
              <p:nvPr/>
            </p:nvSpPr>
            <p:spPr>
              <a:xfrm>
                <a:off x="7060032" y="8179740"/>
                <a:ext cx="366641" cy="24468"/>
              </a:xfrm>
              <a:custGeom>
                <a:avLst/>
                <a:gdLst>
                  <a:gd name="connsiteX0" fmla="*/ 366641 w 366641"/>
                  <a:gd name="connsiteY0" fmla="*/ 24468 h 24468"/>
                  <a:gd name="connsiteX1" fmla="*/ 305534 w 366641"/>
                  <a:gd name="connsiteY1" fmla="*/ 0 h 24468"/>
                  <a:gd name="connsiteX2" fmla="*/ 244428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8"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sp>
            <p:nvSpPr>
              <p:cNvPr id="956" name="Freeform: Shape 955">
                <a:extLst>
                  <a:ext uri="{FF2B5EF4-FFF2-40B4-BE49-F238E27FC236}">
                    <a16:creationId xmlns:a16="http://schemas.microsoft.com/office/drawing/2014/main" id="{04BBA00A-AA51-DB86-834E-F149411648E0}"/>
                  </a:ext>
                </a:extLst>
              </p:cNvPr>
              <p:cNvSpPr/>
              <p:nvPr/>
            </p:nvSpPr>
            <p:spPr>
              <a:xfrm>
                <a:off x="6936297" y="8265188"/>
                <a:ext cx="366641" cy="24468"/>
              </a:xfrm>
              <a:custGeom>
                <a:avLst/>
                <a:gdLst>
                  <a:gd name="connsiteX0" fmla="*/ 366641 w 366641"/>
                  <a:gd name="connsiteY0" fmla="*/ 24468 h 24468"/>
                  <a:gd name="connsiteX1" fmla="*/ 305534 w 366641"/>
                  <a:gd name="connsiteY1" fmla="*/ 0 h 24468"/>
                  <a:gd name="connsiteX2" fmla="*/ 244427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7"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grpSp>
        <p:grpSp>
          <p:nvGrpSpPr>
            <p:cNvPr id="957" name="Graphic 778">
              <a:extLst>
                <a:ext uri="{FF2B5EF4-FFF2-40B4-BE49-F238E27FC236}">
                  <a16:creationId xmlns:a16="http://schemas.microsoft.com/office/drawing/2014/main" id="{B65BC75B-FFE8-EC89-890D-1FF3E22450C1}"/>
                </a:ext>
              </a:extLst>
            </p:cNvPr>
            <p:cNvGrpSpPr/>
            <p:nvPr/>
          </p:nvGrpSpPr>
          <p:grpSpPr>
            <a:xfrm>
              <a:off x="9243525" y="8462074"/>
              <a:ext cx="490503" cy="109916"/>
              <a:chOff x="9243525" y="8462074"/>
              <a:chExt cx="490503" cy="109916"/>
            </a:xfrm>
            <a:noFill/>
          </p:grpSpPr>
          <p:sp>
            <p:nvSpPr>
              <p:cNvPr id="958" name="Freeform: Shape 957">
                <a:extLst>
                  <a:ext uri="{FF2B5EF4-FFF2-40B4-BE49-F238E27FC236}">
                    <a16:creationId xmlns:a16="http://schemas.microsoft.com/office/drawing/2014/main" id="{8465A7E9-9D87-5005-A2CA-7C9A4BF27C85}"/>
                  </a:ext>
                </a:extLst>
              </p:cNvPr>
              <p:cNvSpPr/>
              <p:nvPr/>
            </p:nvSpPr>
            <p:spPr>
              <a:xfrm>
                <a:off x="9367387" y="8462074"/>
                <a:ext cx="366641" cy="24468"/>
              </a:xfrm>
              <a:custGeom>
                <a:avLst/>
                <a:gdLst>
                  <a:gd name="connsiteX0" fmla="*/ 366641 w 366641"/>
                  <a:gd name="connsiteY0" fmla="*/ 24468 h 24468"/>
                  <a:gd name="connsiteX1" fmla="*/ 305534 w 366641"/>
                  <a:gd name="connsiteY1" fmla="*/ 0 h 24468"/>
                  <a:gd name="connsiteX2" fmla="*/ 244427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7"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sp>
            <p:nvSpPr>
              <p:cNvPr id="959" name="Freeform: Shape 958">
                <a:extLst>
                  <a:ext uri="{FF2B5EF4-FFF2-40B4-BE49-F238E27FC236}">
                    <a16:creationId xmlns:a16="http://schemas.microsoft.com/office/drawing/2014/main" id="{04BB01EE-ACDC-8B72-011C-CC902FB9CD11}"/>
                  </a:ext>
                </a:extLst>
              </p:cNvPr>
              <p:cNvSpPr/>
              <p:nvPr/>
            </p:nvSpPr>
            <p:spPr>
              <a:xfrm>
                <a:off x="9243525" y="8547522"/>
                <a:ext cx="366641" cy="24468"/>
              </a:xfrm>
              <a:custGeom>
                <a:avLst/>
                <a:gdLst>
                  <a:gd name="connsiteX0" fmla="*/ 366641 w 366641"/>
                  <a:gd name="connsiteY0" fmla="*/ 24468 h 24468"/>
                  <a:gd name="connsiteX1" fmla="*/ 305534 w 366641"/>
                  <a:gd name="connsiteY1" fmla="*/ 0 h 24468"/>
                  <a:gd name="connsiteX2" fmla="*/ 244427 w 366641"/>
                  <a:gd name="connsiteY2" fmla="*/ 24468 h 24468"/>
                  <a:gd name="connsiteX3" fmla="*/ 183321 w 366641"/>
                  <a:gd name="connsiteY3" fmla="*/ 0 h 24468"/>
                  <a:gd name="connsiteX4" fmla="*/ 122214 w 366641"/>
                  <a:gd name="connsiteY4" fmla="*/ 24468 h 24468"/>
                  <a:gd name="connsiteX5" fmla="*/ 61107 w 366641"/>
                  <a:gd name="connsiteY5" fmla="*/ 0 h 24468"/>
                  <a:gd name="connsiteX6" fmla="*/ 0 w 366641"/>
                  <a:gd name="connsiteY6" fmla="*/ 24468 h 24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66641" h="24468">
                    <a:moveTo>
                      <a:pt x="366641" y="24468"/>
                    </a:moveTo>
                    <a:cubicBezTo>
                      <a:pt x="336088" y="24468"/>
                      <a:pt x="336088" y="0"/>
                      <a:pt x="305534" y="0"/>
                    </a:cubicBezTo>
                    <a:cubicBezTo>
                      <a:pt x="274981" y="0"/>
                      <a:pt x="274981" y="24468"/>
                      <a:pt x="244427" y="24468"/>
                    </a:cubicBezTo>
                    <a:cubicBezTo>
                      <a:pt x="213874" y="24468"/>
                      <a:pt x="213874" y="0"/>
                      <a:pt x="183321" y="0"/>
                    </a:cubicBezTo>
                    <a:cubicBezTo>
                      <a:pt x="152767" y="0"/>
                      <a:pt x="152767" y="24468"/>
                      <a:pt x="122214" y="24468"/>
                    </a:cubicBezTo>
                    <a:cubicBezTo>
                      <a:pt x="91660" y="24468"/>
                      <a:pt x="91660" y="0"/>
                      <a:pt x="61107" y="0"/>
                    </a:cubicBezTo>
                    <a:cubicBezTo>
                      <a:pt x="30553" y="0"/>
                      <a:pt x="30553" y="24468"/>
                      <a:pt x="0" y="24468"/>
                    </a:cubicBezTo>
                  </a:path>
                </a:pathLst>
              </a:custGeom>
              <a:noFill/>
              <a:ln w="12674" cap="rnd">
                <a:solidFill>
                  <a:schemeClr val="tx1"/>
                </a:solidFill>
                <a:prstDash val="solid"/>
                <a:round/>
              </a:ln>
            </p:spPr>
            <p:txBody>
              <a:bodyPr rtlCol="0" anchor="ctr"/>
              <a:lstStyle/>
              <a:p>
                <a:endParaRPr lang="es-ES" sz="1092"/>
              </a:p>
            </p:txBody>
          </p:sp>
        </p:grpSp>
        <p:grpSp>
          <p:nvGrpSpPr>
            <p:cNvPr id="960" name="Graphic 778">
              <a:extLst>
                <a:ext uri="{FF2B5EF4-FFF2-40B4-BE49-F238E27FC236}">
                  <a16:creationId xmlns:a16="http://schemas.microsoft.com/office/drawing/2014/main" id="{5FFC33A6-60D4-C442-EB99-EFF51B5081E9}"/>
                </a:ext>
              </a:extLst>
            </p:cNvPr>
            <p:cNvGrpSpPr/>
            <p:nvPr/>
          </p:nvGrpSpPr>
          <p:grpSpPr>
            <a:xfrm>
              <a:off x="14756583" y="6313191"/>
              <a:ext cx="1228475" cy="1400133"/>
              <a:chOff x="14756583" y="6313191"/>
              <a:chExt cx="1228475" cy="1400133"/>
            </a:xfrm>
            <a:solidFill>
              <a:srgbClr val="FFFFFF"/>
            </a:solidFill>
          </p:grpSpPr>
          <p:sp>
            <p:nvSpPr>
              <p:cNvPr id="961" name="Freeform: Shape 960">
                <a:extLst>
                  <a:ext uri="{FF2B5EF4-FFF2-40B4-BE49-F238E27FC236}">
                    <a16:creationId xmlns:a16="http://schemas.microsoft.com/office/drawing/2014/main" id="{9F1771B6-C7BB-6224-4FC9-F883023D49B1}"/>
                  </a:ext>
                </a:extLst>
              </p:cNvPr>
              <p:cNvSpPr/>
              <p:nvPr/>
            </p:nvSpPr>
            <p:spPr>
              <a:xfrm>
                <a:off x="15479215" y="6313191"/>
                <a:ext cx="171910" cy="210197"/>
              </a:xfrm>
              <a:custGeom>
                <a:avLst/>
                <a:gdLst>
                  <a:gd name="connsiteX0" fmla="*/ 19904 w 171910"/>
                  <a:gd name="connsiteY0" fmla="*/ 0 h 210197"/>
                  <a:gd name="connsiteX1" fmla="*/ 19904 w 171910"/>
                  <a:gd name="connsiteY1" fmla="*/ 210198 h 210197"/>
                  <a:gd name="connsiteX2" fmla="*/ 0 w 171910"/>
                  <a:gd name="connsiteY2" fmla="*/ 210198 h 210197"/>
                  <a:gd name="connsiteX3" fmla="*/ 171911 w 171910"/>
                  <a:gd name="connsiteY3" fmla="*/ 210198 h 210197"/>
                  <a:gd name="connsiteX4" fmla="*/ 171911 w 171910"/>
                  <a:gd name="connsiteY4" fmla="*/ 0 h 210197"/>
                  <a:gd name="connsiteX5" fmla="*/ 19904 w 171910"/>
                  <a:gd name="connsiteY5" fmla="*/ 0 h 2101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1910" h="210197">
                    <a:moveTo>
                      <a:pt x="19904" y="0"/>
                    </a:moveTo>
                    <a:lnTo>
                      <a:pt x="19904" y="210198"/>
                    </a:lnTo>
                    <a:lnTo>
                      <a:pt x="0" y="210198"/>
                    </a:lnTo>
                    <a:lnTo>
                      <a:pt x="171911" y="210198"/>
                    </a:lnTo>
                    <a:lnTo>
                      <a:pt x="171911" y="0"/>
                    </a:lnTo>
                    <a:lnTo>
                      <a:pt x="19904" y="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62" name="Freeform: Shape 961">
                <a:extLst>
                  <a:ext uri="{FF2B5EF4-FFF2-40B4-BE49-F238E27FC236}">
                    <a16:creationId xmlns:a16="http://schemas.microsoft.com/office/drawing/2014/main" id="{72A7F38C-9B8C-291A-35D3-B8CF8EC57040}"/>
                  </a:ext>
                </a:extLst>
              </p:cNvPr>
              <p:cNvSpPr/>
              <p:nvPr/>
            </p:nvSpPr>
            <p:spPr>
              <a:xfrm>
                <a:off x="15651126" y="6313191"/>
                <a:ext cx="174699" cy="210070"/>
              </a:xfrm>
              <a:custGeom>
                <a:avLst/>
                <a:gdLst>
                  <a:gd name="connsiteX0" fmla="*/ 0 w 174699"/>
                  <a:gd name="connsiteY0" fmla="*/ 0 h 210070"/>
                  <a:gd name="connsiteX1" fmla="*/ 174700 w 174699"/>
                  <a:gd name="connsiteY1" fmla="*/ 0 h 210070"/>
                  <a:gd name="connsiteX2" fmla="*/ 174700 w 174699"/>
                  <a:gd name="connsiteY2" fmla="*/ 210071 h 210070"/>
                  <a:gd name="connsiteX3" fmla="*/ 0 w 174699"/>
                  <a:gd name="connsiteY3" fmla="*/ 210071 h 210070"/>
                </a:gdLst>
                <a:ahLst/>
                <a:cxnLst>
                  <a:cxn ang="0">
                    <a:pos x="connsiteX0" y="connsiteY0"/>
                  </a:cxn>
                  <a:cxn ang="0">
                    <a:pos x="connsiteX1" y="connsiteY1"/>
                  </a:cxn>
                  <a:cxn ang="0">
                    <a:pos x="connsiteX2" y="connsiteY2"/>
                  </a:cxn>
                  <a:cxn ang="0">
                    <a:pos x="connsiteX3" y="connsiteY3"/>
                  </a:cxn>
                </a:cxnLst>
                <a:rect l="l" t="t" r="r" b="b"/>
                <a:pathLst>
                  <a:path w="174699" h="210070">
                    <a:moveTo>
                      <a:pt x="0" y="0"/>
                    </a:moveTo>
                    <a:lnTo>
                      <a:pt x="174700" y="0"/>
                    </a:lnTo>
                    <a:lnTo>
                      <a:pt x="174700" y="210071"/>
                    </a:lnTo>
                    <a:lnTo>
                      <a:pt x="0" y="210071"/>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63" name="Freeform: Shape 962">
                <a:extLst>
                  <a:ext uri="{FF2B5EF4-FFF2-40B4-BE49-F238E27FC236}">
                    <a16:creationId xmlns:a16="http://schemas.microsoft.com/office/drawing/2014/main" id="{D1747E7C-C6C6-ABC8-C90A-77702DFA622E}"/>
                  </a:ext>
                </a:extLst>
              </p:cNvPr>
              <p:cNvSpPr/>
              <p:nvPr/>
            </p:nvSpPr>
            <p:spPr>
              <a:xfrm>
                <a:off x="15026873" y="6448209"/>
                <a:ext cx="905573" cy="1265115"/>
              </a:xfrm>
              <a:custGeom>
                <a:avLst/>
                <a:gdLst>
                  <a:gd name="connsiteX0" fmla="*/ 905573 w 905573"/>
                  <a:gd name="connsiteY0" fmla="*/ 0 h 1265115"/>
                  <a:gd name="connsiteX1" fmla="*/ 905573 w 905573"/>
                  <a:gd name="connsiteY1" fmla="*/ 1265116 h 1265115"/>
                  <a:gd name="connsiteX2" fmla="*/ 652652 w 905573"/>
                  <a:gd name="connsiteY2" fmla="*/ 1265116 h 1265115"/>
                  <a:gd name="connsiteX3" fmla="*/ 0 w 905573"/>
                  <a:gd name="connsiteY3" fmla="*/ 1265116 h 1265115"/>
                  <a:gd name="connsiteX4" fmla="*/ 0 w 905573"/>
                  <a:gd name="connsiteY4" fmla="*/ 0 h 1265115"/>
                  <a:gd name="connsiteX5" fmla="*/ 905573 w 905573"/>
                  <a:gd name="connsiteY5" fmla="*/ 0 h 12651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05573" h="1265115">
                    <a:moveTo>
                      <a:pt x="905573" y="0"/>
                    </a:moveTo>
                    <a:lnTo>
                      <a:pt x="905573" y="1265116"/>
                    </a:lnTo>
                    <a:lnTo>
                      <a:pt x="652652" y="1265116"/>
                    </a:lnTo>
                    <a:lnTo>
                      <a:pt x="0" y="1265116"/>
                    </a:lnTo>
                    <a:lnTo>
                      <a:pt x="0" y="0"/>
                    </a:lnTo>
                    <a:lnTo>
                      <a:pt x="905573"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964" name="Freeform: Shape 963">
                <a:extLst>
                  <a:ext uri="{FF2B5EF4-FFF2-40B4-BE49-F238E27FC236}">
                    <a16:creationId xmlns:a16="http://schemas.microsoft.com/office/drawing/2014/main" id="{0A6400D4-ECFC-F325-2531-2629F9BE88B2}"/>
                  </a:ext>
                </a:extLst>
              </p:cNvPr>
              <p:cNvSpPr/>
              <p:nvPr/>
            </p:nvSpPr>
            <p:spPr>
              <a:xfrm>
                <a:off x="15054383" y="6410176"/>
                <a:ext cx="930675" cy="45259"/>
              </a:xfrm>
              <a:custGeom>
                <a:avLst/>
                <a:gdLst>
                  <a:gd name="connsiteX0" fmla="*/ 0 w 930675"/>
                  <a:gd name="connsiteY0" fmla="*/ 0 h 45259"/>
                  <a:gd name="connsiteX1" fmla="*/ 930675 w 930675"/>
                  <a:gd name="connsiteY1" fmla="*/ 0 h 45259"/>
                  <a:gd name="connsiteX2" fmla="*/ 930675 w 930675"/>
                  <a:gd name="connsiteY2" fmla="*/ 45260 h 45259"/>
                  <a:gd name="connsiteX3" fmla="*/ 0 w 930675"/>
                  <a:gd name="connsiteY3" fmla="*/ 45260 h 45259"/>
                </a:gdLst>
                <a:ahLst/>
                <a:cxnLst>
                  <a:cxn ang="0">
                    <a:pos x="connsiteX0" y="connsiteY0"/>
                  </a:cxn>
                  <a:cxn ang="0">
                    <a:pos x="connsiteX1" y="connsiteY1"/>
                  </a:cxn>
                  <a:cxn ang="0">
                    <a:pos x="connsiteX2" y="connsiteY2"/>
                  </a:cxn>
                  <a:cxn ang="0">
                    <a:pos x="connsiteX3" y="connsiteY3"/>
                  </a:cxn>
                </a:cxnLst>
                <a:rect l="l" t="t" r="r" b="b"/>
                <a:pathLst>
                  <a:path w="930675" h="45259">
                    <a:moveTo>
                      <a:pt x="0" y="0"/>
                    </a:moveTo>
                    <a:lnTo>
                      <a:pt x="930675" y="0"/>
                    </a:lnTo>
                    <a:lnTo>
                      <a:pt x="930675" y="45260"/>
                    </a:lnTo>
                    <a:lnTo>
                      <a:pt x="0" y="45260"/>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65" name="Freeform: Shape 964">
                <a:extLst>
                  <a:ext uri="{FF2B5EF4-FFF2-40B4-BE49-F238E27FC236}">
                    <a16:creationId xmlns:a16="http://schemas.microsoft.com/office/drawing/2014/main" id="{C8B3DFCC-6381-96AB-0195-9695CC360B37}"/>
                  </a:ext>
                </a:extLst>
              </p:cNvPr>
              <p:cNvSpPr/>
              <p:nvPr/>
            </p:nvSpPr>
            <p:spPr>
              <a:xfrm>
                <a:off x="14756583" y="6427037"/>
                <a:ext cx="297800" cy="28398"/>
              </a:xfrm>
              <a:custGeom>
                <a:avLst/>
                <a:gdLst>
                  <a:gd name="connsiteX0" fmla="*/ 0 w 297800"/>
                  <a:gd name="connsiteY0" fmla="*/ 0 h 28398"/>
                  <a:gd name="connsiteX1" fmla="*/ 297801 w 297800"/>
                  <a:gd name="connsiteY1" fmla="*/ 0 h 28398"/>
                  <a:gd name="connsiteX2" fmla="*/ 297801 w 297800"/>
                  <a:gd name="connsiteY2" fmla="*/ 28398 h 28398"/>
                  <a:gd name="connsiteX3" fmla="*/ 0 w 297800"/>
                  <a:gd name="connsiteY3" fmla="*/ 28398 h 28398"/>
                </a:gdLst>
                <a:ahLst/>
                <a:cxnLst>
                  <a:cxn ang="0">
                    <a:pos x="connsiteX0" y="connsiteY0"/>
                  </a:cxn>
                  <a:cxn ang="0">
                    <a:pos x="connsiteX1" y="connsiteY1"/>
                  </a:cxn>
                  <a:cxn ang="0">
                    <a:pos x="connsiteX2" y="connsiteY2"/>
                  </a:cxn>
                  <a:cxn ang="0">
                    <a:pos x="connsiteX3" y="connsiteY3"/>
                  </a:cxn>
                </a:cxnLst>
                <a:rect l="l" t="t" r="r" b="b"/>
                <a:pathLst>
                  <a:path w="297800" h="28398">
                    <a:moveTo>
                      <a:pt x="0" y="0"/>
                    </a:moveTo>
                    <a:lnTo>
                      <a:pt x="297801" y="0"/>
                    </a:lnTo>
                    <a:lnTo>
                      <a:pt x="297801" y="28398"/>
                    </a:lnTo>
                    <a:lnTo>
                      <a:pt x="0" y="28398"/>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66" name="Freeform: Shape 965">
                <a:extLst>
                  <a:ext uri="{FF2B5EF4-FFF2-40B4-BE49-F238E27FC236}">
                    <a16:creationId xmlns:a16="http://schemas.microsoft.com/office/drawing/2014/main" id="{9B941E1A-B397-2E2C-43CC-FC52EB55D98E}"/>
                  </a:ext>
                </a:extLst>
              </p:cNvPr>
              <p:cNvSpPr/>
              <p:nvPr/>
            </p:nvSpPr>
            <p:spPr>
              <a:xfrm>
                <a:off x="15143381" y="6489285"/>
                <a:ext cx="285123" cy="120819"/>
              </a:xfrm>
              <a:custGeom>
                <a:avLst/>
                <a:gdLst>
                  <a:gd name="connsiteX0" fmla="*/ 0 w 285123"/>
                  <a:gd name="connsiteY0" fmla="*/ 0 h 120819"/>
                  <a:gd name="connsiteX1" fmla="*/ 285123 w 285123"/>
                  <a:gd name="connsiteY1" fmla="*/ 0 h 120819"/>
                  <a:gd name="connsiteX2" fmla="*/ 285123 w 285123"/>
                  <a:gd name="connsiteY2" fmla="*/ 120819 h 120819"/>
                  <a:gd name="connsiteX3" fmla="*/ 0 w 285123"/>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285123" h="120819">
                    <a:moveTo>
                      <a:pt x="0" y="0"/>
                    </a:moveTo>
                    <a:lnTo>
                      <a:pt x="285123" y="0"/>
                    </a:lnTo>
                    <a:lnTo>
                      <a:pt x="285123"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67" name="Freeform: Shape 966">
                <a:extLst>
                  <a:ext uri="{FF2B5EF4-FFF2-40B4-BE49-F238E27FC236}">
                    <a16:creationId xmlns:a16="http://schemas.microsoft.com/office/drawing/2014/main" id="{2F979674-4F09-3ED0-8297-0FF3367D862B}"/>
                  </a:ext>
                </a:extLst>
              </p:cNvPr>
              <p:cNvSpPr/>
              <p:nvPr/>
            </p:nvSpPr>
            <p:spPr>
              <a:xfrm>
                <a:off x="15143381" y="6744235"/>
                <a:ext cx="285123" cy="120819"/>
              </a:xfrm>
              <a:custGeom>
                <a:avLst/>
                <a:gdLst>
                  <a:gd name="connsiteX0" fmla="*/ 0 w 285123"/>
                  <a:gd name="connsiteY0" fmla="*/ 0 h 120819"/>
                  <a:gd name="connsiteX1" fmla="*/ 285123 w 285123"/>
                  <a:gd name="connsiteY1" fmla="*/ 0 h 120819"/>
                  <a:gd name="connsiteX2" fmla="*/ 285123 w 285123"/>
                  <a:gd name="connsiteY2" fmla="*/ 120819 h 120819"/>
                  <a:gd name="connsiteX3" fmla="*/ 0 w 285123"/>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285123" h="120819">
                    <a:moveTo>
                      <a:pt x="0" y="0"/>
                    </a:moveTo>
                    <a:lnTo>
                      <a:pt x="285123" y="0"/>
                    </a:lnTo>
                    <a:lnTo>
                      <a:pt x="285123"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68" name="Freeform: Shape 967">
                <a:extLst>
                  <a:ext uri="{FF2B5EF4-FFF2-40B4-BE49-F238E27FC236}">
                    <a16:creationId xmlns:a16="http://schemas.microsoft.com/office/drawing/2014/main" id="{ACC8B30C-0597-E004-36F0-1A0C11A482F1}"/>
                  </a:ext>
                </a:extLst>
              </p:cNvPr>
              <p:cNvSpPr/>
              <p:nvPr/>
            </p:nvSpPr>
            <p:spPr>
              <a:xfrm>
                <a:off x="15143381" y="6999185"/>
                <a:ext cx="285123" cy="120819"/>
              </a:xfrm>
              <a:custGeom>
                <a:avLst/>
                <a:gdLst>
                  <a:gd name="connsiteX0" fmla="*/ 0 w 285123"/>
                  <a:gd name="connsiteY0" fmla="*/ 0 h 120819"/>
                  <a:gd name="connsiteX1" fmla="*/ 285123 w 285123"/>
                  <a:gd name="connsiteY1" fmla="*/ 0 h 120819"/>
                  <a:gd name="connsiteX2" fmla="*/ 285123 w 285123"/>
                  <a:gd name="connsiteY2" fmla="*/ 120819 h 120819"/>
                  <a:gd name="connsiteX3" fmla="*/ 0 w 285123"/>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285123" h="120819">
                    <a:moveTo>
                      <a:pt x="0" y="0"/>
                    </a:moveTo>
                    <a:lnTo>
                      <a:pt x="285123" y="0"/>
                    </a:lnTo>
                    <a:lnTo>
                      <a:pt x="285123"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69" name="Freeform: Shape 968">
                <a:extLst>
                  <a:ext uri="{FF2B5EF4-FFF2-40B4-BE49-F238E27FC236}">
                    <a16:creationId xmlns:a16="http://schemas.microsoft.com/office/drawing/2014/main" id="{E5E63A9B-D020-64AD-C05B-7F345F098FEB}"/>
                  </a:ext>
                </a:extLst>
              </p:cNvPr>
              <p:cNvSpPr/>
              <p:nvPr/>
            </p:nvSpPr>
            <p:spPr>
              <a:xfrm>
                <a:off x="15143381" y="7254135"/>
                <a:ext cx="285123" cy="120819"/>
              </a:xfrm>
              <a:custGeom>
                <a:avLst/>
                <a:gdLst>
                  <a:gd name="connsiteX0" fmla="*/ 0 w 285123"/>
                  <a:gd name="connsiteY0" fmla="*/ 0 h 120819"/>
                  <a:gd name="connsiteX1" fmla="*/ 285123 w 285123"/>
                  <a:gd name="connsiteY1" fmla="*/ 0 h 120819"/>
                  <a:gd name="connsiteX2" fmla="*/ 285123 w 285123"/>
                  <a:gd name="connsiteY2" fmla="*/ 120819 h 120819"/>
                  <a:gd name="connsiteX3" fmla="*/ 0 w 285123"/>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285123" h="120819">
                    <a:moveTo>
                      <a:pt x="0" y="0"/>
                    </a:moveTo>
                    <a:lnTo>
                      <a:pt x="285123" y="0"/>
                    </a:lnTo>
                    <a:lnTo>
                      <a:pt x="285123"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70" name="Freeform: Shape 969">
                <a:extLst>
                  <a:ext uri="{FF2B5EF4-FFF2-40B4-BE49-F238E27FC236}">
                    <a16:creationId xmlns:a16="http://schemas.microsoft.com/office/drawing/2014/main" id="{1B685A6E-CBC7-D0AE-C255-BE855B0BD88E}"/>
                  </a:ext>
                </a:extLst>
              </p:cNvPr>
              <p:cNvSpPr/>
              <p:nvPr/>
            </p:nvSpPr>
            <p:spPr>
              <a:xfrm>
                <a:off x="15143381" y="7503634"/>
                <a:ext cx="285123" cy="120692"/>
              </a:xfrm>
              <a:custGeom>
                <a:avLst/>
                <a:gdLst>
                  <a:gd name="connsiteX0" fmla="*/ 0 w 285123"/>
                  <a:gd name="connsiteY0" fmla="*/ 0 h 120692"/>
                  <a:gd name="connsiteX1" fmla="*/ 285123 w 285123"/>
                  <a:gd name="connsiteY1" fmla="*/ 0 h 120692"/>
                  <a:gd name="connsiteX2" fmla="*/ 285123 w 285123"/>
                  <a:gd name="connsiteY2" fmla="*/ 120692 h 120692"/>
                  <a:gd name="connsiteX3" fmla="*/ 0 w 285123"/>
                  <a:gd name="connsiteY3" fmla="*/ 120692 h 120692"/>
                </a:gdLst>
                <a:ahLst/>
                <a:cxnLst>
                  <a:cxn ang="0">
                    <a:pos x="connsiteX0" y="connsiteY0"/>
                  </a:cxn>
                  <a:cxn ang="0">
                    <a:pos x="connsiteX1" y="connsiteY1"/>
                  </a:cxn>
                  <a:cxn ang="0">
                    <a:pos x="connsiteX2" y="connsiteY2"/>
                  </a:cxn>
                  <a:cxn ang="0">
                    <a:pos x="connsiteX3" y="connsiteY3"/>
                  </a:cxn>
                </a:cxnLst>
                <a:rect l="l" t="t" r="r" b="b"/>
                <a:pathLst>
                  <a:path w="285123" h="120692">
                    <a:moveTo>
                      <a:pt x="0" y="0"/>
                    </a:moveTo>
                    <a:lnTo>
                      <a:pt x="285123" y="0"/>
                    </a:lnTo>
                    <a:lnTo>
                      <a:pt x="285123" y="120692"/>
                    </a:lnTo>
                    <a:lnTo>
                      <a:pt x="0" y="12069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71" name="Freeform: Shape 970">
                <a:extLst>
                  <a:ext uri="{FF2B5EF4-FFF2-40B4-BE49-F238E27FC236}">
                    <a16:creationId xmlns:a16="http://schemas.microsoft.com/office/drawing/2014/main" id="{0E26928E-5D76-9E13-299A-609D20F2FD50}"/>
                  </a:ext>
                </a:extLst>
              </p:cNvPr>
              <p:cNvSpPr/>
              <p:nvPr/>
            </p:nvSpPr>
            <p:spPr>
              <a:xfrm>
                <a:off x="15540830" y="6489285"/>
                <a:ext cx="285123" cy="120819"/>
              </a:xfrm>
              <a:custGeom>
                <a:avLst/>
                <a:gdLst>
                  <a:gd name="connsiteX0" fmla="*/ 0 w 285123"/>
                  <a:gd name="connsiteY0" fmla="*/ 0 h 120819"/>
                  <a:gd name="connsiteX1" fmla="*/ 285123 w 285123"/>
                  <a:gd name="connsiteY1" fmla="*/ 0 h 120819"/>
                  <a:gd name="connsiteX2" fmla="*/ 285123 w 285123"/>
                  <a:gd name="connsiteY2" fmla="*/ 120819 h 120819"/>
                  <a:gd name="connsiteX3" fmla="*/ 0 w 285123"/>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285123" h="120819">
                    <a:moveTo>
                      <a:pt x="0" y="0"/>
                    </a:moveTo>
                    <a:lnTo>
                      <a:pt x="285123" y="0"/>
                    </a:lnTo>
                    <a:lnTo>
                      <a:pt x="285123"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72" name="Freeform: Shape 971">
                <a:extLst>
                  <a:ext uri="{FF2B5EF4-FFF2-40B4-BE49-F238E27FC236}">
                    <a16:creationId xmlns:a16="http://schemas.microsoft.com/office/drawing/2014/main" id="{3AC01D9A-9E32-CCC0-99D8-11D7D2FAC57C}"/>
                  </a:ext>
                </a:extLst>
              </p:cNvPr>
              <p:cNvSpPr/>
              <p:nvPr/>
            </p:nvSpPr>
            <p:spPr>
              <a:xfrm>
                <a:off x="15540830" y="6744235"/>
                <a:ext cx="285123" cy="120819"/>
              </a:xfrm>
              <a:custGeom>
                <a:avLst/>
                <a:gdLst>
                  <a:gd name="connsiteX0" fmla="*/ 0 w 285123"/>
                  <a:gd name="connsiteY0" fmla="*/ 0 h 120819"/>
                  <a:gd name="connsiteX1" fmla="*/ 285123 w 285123"/>
                  <a:gd name="connsiteY1" fmla="*/ 0 h 120819"/>
                  <a:gd name="connsiteX2" fmla="*/ 285123 w 285123"/>
                  <a:gd name="connsiteY2" fmla="*/ 120819 h 120819"/>
                  <a:gd name="connsiteX3" fmla="*/ 0 w 285123"/>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285123" h="120819">
                    <a:moveTo>
                      <a:pt x="0" y="0"/>
                    </a:moveTo>
                    <a:lnTo>
                      <a:pt x="285123" y="0"/>
                    </a:lnTo>
                    <a:lnTo>
                      <a:pt x="285123"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73" name="Freeform: Shape 972">
                <a:extLst>
                  <a:ext uri="{FF2B5EF4-FFF2-40B4-BE49-F238E27FC236}">
                    <a16:creationId xmlns:a16="http://schemas.microsoft.com/office/drawing/2014/main" id="{DC1ED726-4102-9C2D-0E35-EFD9B6895924}"/>
                  </a:ext>
                </a:extLst>
              </p:cNvPr>
              <p:cNvSpPr/>
              <p:nvPr/>
            </p:nvSpPr>
            <p:spPr>
              <a:xfrm>
                <a:off x="15540830" y="6999185"/>
                <a:ext cx="285123" cy="120819"/>
              </a:xfrm>
              <a:custGeom>
                <a:avLst/>
                <a:gdLst>
                  <a:gd name="connsiteX0" fmla="*/ 0 w 285123"/>
                  <a:gd name="connsiteY0" fmla="*/ 0 h 120819"/>
                  <a:gd name="connsiteX1" fmla="*/ 285123 w 285123"/>
                  <a:gd name="connsiteY1" fmla="*/ 0 h 120819"/>
                  <a:gd name="connsiteX2" fmla="*/ 285123 w 285123"/>
                  <a:gd name="connsiteY2" fmla="*/ 120819 h 120819"/>
                  <a:gd name="connsiteX3" fmla="*/ 0 w 285123"/>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285123" h="120819">
                    <a:moveTo>
                      <a:pt x="0" y="0"/>
                    </a:moveTo>
                    <a:lnTo>
                      <a:pt x="285123" y="0"/>
                    </a:lnTo>
                    <a:lnTo>
                      <a:pt x="285123"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74" name="Freeform: Shape 973">
                <a:extLst>
                  <a:ext uri="{FF2B5EF4-FFF2-40B4-BE49-F238E27FC236}">
                    <a16:creationId xmlns:a16="http://schemas.microsoft.com/office/drawing/2014/main" id="{2E90A5DB-2BDE-2EAF-62F7-42B163AE8377}"/>
                  </a:ext>
                </a:extLst>
              </p:cNvPr>
              <p:cNvSpPr/>
              <p:nvPr/>
            </p:nvSpPr>
            <p:spPr>
              <a:xfrm>
                <a:off x="15540830" y="7254135"/>
                <a:ext cx="285123" cy="120819"/>
              </a:xfrm>
              <a:custGeom>
                <a:avLst/>
                <a:gdLst>
                  <a:gd name="connsiteX0" fmla="*/ 0 w 285123"/>
                  <a:gd name="connsiteY0" fmla="*/ 0 h 120819"/>
                  <a:gd name="connsiteX1" fmla="*/ 285123 w 285123"/>
                  <a:gd name="connsiteY1" fmla="*/ 0 h 120819"/>
                  <a:gd name="connsiteX2" fmla="*/ 285123 w 285123"/>
                  <a:gd name="connsiteY2" fmla="*/ 120819 h 120819"/>
                  <a:gd name="connsiteX3" fmla="*/ 0 w 285123"/>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285123" h="120819">
                    <a:moveTo>
                      <a:pt x="0" y="0"/>
                    </a:moveTo>
                    <a:lnTo>
                      <a:pt x="285123" y="0"/>
                    </a:lnTo>
                    <a:lnTo>
                      <a:pt x="285123"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75" name="Freeform: Shape 974">
                <a:extLst>
                  <a:ext uri="{FF2B5EF4-FFF2-40B4-BE49-F238E27FC236}">
                    <a16:creationId xmlns:a16="http://schemas.microsoft.com/office/drawing/2014/main" id="{E7A6DB67-F3BA-E670-173E-F2D7165A1B39}"/>
                  </a:ext>
                </a:extLst>
              </p:cNvPr>
              <p:cNvSpPr/>
              <p:nvPr/>
            </p:nvSpPr>
            <p:spPr>
              <a:xfrm>
                <a:off x="15540830" y="7503634"/>
                <a:ext cx="285123" cy="120692"/>
              </a:xfrm>
              <a:custGeom>
                <a:avLst/>
                <a:gdLst>
                  <a:gd name="connsiteX0" fmla="*/ 0 w 285123"/>
                  <a:gd name="connsiteY0" fmla="*/ 0 h 120692"/>
                  <a:gd name="connsiteX1" fmla="*/ 285123 w 285123"/>
                  <a:gd name="connsiteY1" fmla="*/ 0 h 120692"/>
                  <a:gd name="connsiteX2" fmla="*/ 285123 w 285123"/>
                  <a:gd name="connsiteY2" fmla="*/ 120692 h 120692"/>
                  <a:gd name="connsiteX3" fmla="*/ 0 w 285123"/>
                  <a:gd name="connsiteY3" fmla="*/ 120692 h 120692"/>
                </a:gdLst>
                <a:ahLst/>
                <a:cxnLst>
                  <a:cxn ang="0">
                    <a:pos x="connsiteX0" y="connsiteY0"/>
                  </a:cxn>
                  <a:cxn ang="0">
                    <a:pos x="connsiteX1" y="connsiteY1"/>
                  </a:cxn>
                  <a:cxn ang="0">
                    <a:pos x="connsiteX2" y="connsiteY2"/>
                  </a:cxn>
                  <a:cxn ang="0">
                    <a:pos x="connsiteX3" y="connsiteY3"/>
                  </a:cxn>
                </a:cxnLst>
                <a:rect l="l" t="t" r="r" b="b"/>
                <a:pathLst>
                  <a:path w="285123" h="120692">
                    <a:moveTo>
                      <a:pt x="0" y="0"/>
                    </a:moveTo>
                    <a:lnTo>
                      <a:pt x="285123" y="0"/>
                    </a:lnTo>
                    <a:lnTo>
                      <a:pt x="285123" y="120692"/>
                    </a:lnTo>
                    <a:lnTo>
                      <a:pt x="0" y="12069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76" name="Freeform: Shape 975">
                <a:extLst>
                  <a:ext uri="{FF2B5EF4-FFF2-40B4-BE49-F238E27FC236}">
                    <a16:creationId xmlns:a16="http://schemas.microsoft.com/office/drawing/2014/main" id="{FFEA5CBE-D13A-6C9C-D384-523BBAC111F1}"/>
                  </a:ext>
                </a:extLst>
              </p:cNvPr>
              <p:cNvSpPr/>
              <p:nvPr/>
            </p:nvSpPr>
            <p:spPr>
              <a:xfrm>
                <a:off x="14800067" y="6448209"/>
                <a:ext cx="226678" cy="1265115"/>
              </a:xfrm>
              <a:custGeom>
                <a:avLst/>
                <a:gdLst>
                  <a:gd name="connsiteX0" fmla="*/ 0 w 226678"/>
                  <a:gd name="connsiteY0" fmla="*/ 0 h 1265115"/>
                  <a:gd name="connsiteX1" fmla="*/ 226678 w 226678"/>
                  <a:gd name="connsiteY1" fmla="*/ 0 h 1265115"/>
                  <a:gd name="connsiteX2" fmla="*/ 226678 w 226678"/>
                  <a:gd name="connsiteY2" fmla="*/ 1265116 h 1265115"/>
                  <a:gd name="connsiteX3" fmla="*/ 0 w 226678"/>
                  <a:gd name="connsiteY3" fmla="*/ 1265116 h 1265115"/>
                </a:gdLst>
                <a:ahLst/>
                <a:cxnLst>
                  <a:cxn ang="0">
                    <a:pos x="connsiteX0" y="connsiteY0"/>
                  </a:cxn>
                  <a:cxn ang="0">
                    <a:pos x="connsiteX1" y="connsiteY1"/>
                  </a:cxn>
                  <a:cxn ang="0">
                    <a:pos x="connsiteX2" y="connsiteY2"/>
                  </a:cxn>
                  <a:cxn ang="0">
                    <a:pos x="connsiteX3" y="connsiteY3"/>
                  </a:cxn>
                </a:cxnLst>
                <a:rect l="l" t="t" r="r" b="b"/>
                <a:pathLst>
                  <a:path w="226678" h="1265115">
                    <a:moveTo>
                      <a:pt x="0" y="0"/>
                    </a:moveTo>
                    <a:lnTo>
                      <a:pt x="226678" y="0"/>
                    </a:lnTo>
                    <a:lnTo>
                      <a:pt x="226678" y="1265116"/>
                    </a:lnTo>
                    <a:lnTo>
                      <a:pt x="0" y="1265116"/>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77" name="Freeform: Shape 976">
                <a:extLst>
                  <a:ext uri="{FF2B5EF4-FFF2-40B4-BE49-F238E27FC236}">
                    <a16:creationId xmlns:a16="http://schemas.microsoft.com/office/drawing/2014/main" id="{9E90C55A-09F2-FA12-9418-CEEC04789DC9}"/>
                  </a:ext>
                </a:extLst>
              </p:cNvPr>
              <p:cNvSpPr/>
              <p:nvPr/>
            </p:nvSpPr>
            <p:spPr>
              <a:xfrm>
                <a:off x="14863837" y="6489285"/>
                <a:ext cx="84687" cy="120819"/>
              </a:xfrm>
              <a:custGeom>
                <a:avLst/>
                <a:gdLst>
                  <a:gd name="connsiteX0" fmla="*/ 0 w 84687"/>
                  <a:gd name="connsiteY0" fmla="*/ 0 h 120819"/>
                  <a:gd name="connsiteX1" fmla="*/ 84688 w 84687"/>
                  <a:gd name="connsiteY1" fmla="*/ 0 h 120819"/>
                  <a:gd name="connsiteX2" fmla="*/ 84688 w 84687"/>
                  <a:gd name="connsiteY2" fmla="*/ 120819 h 120819"/>
                  <a:gd name="connsiteX3" fmla="*/ 0 w 84687"/>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84687" h="120819">
                    <a:moveTo>
                      <a:pt x="0" y="0"/>
                    </a:moveTo>
                    <a:lnTo>
                      <a:pt x="84688" y="0"/>
                    </a:lnTo>
                    <a:lnTo>
                      <a:pt x="84688"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78" name="Freeform: Shape 977">
                <a:extLst>
                  <a:ext uri="{FF2B5EF4-FFF2-40B4-BE49-F238E27FC236}">
                    <a16:creationId xmlns:a16="http://schemas.microsoft.com/office/drawing/2014/main" id="{81D5C7DD-CC06-04FE-B96D-B8C2B177C677}"/>
                  </a:ext>
                </a:extLst>
              </p:cNvPr>
              <p:cNvSpPr/>
              <p:nvPr/>
            </p:nvSpPr>
            <p:spPr>
              <a:xfrm>
                <a:off x="14863837" y="6744235"/>
                <a:ext cx="84687" cy="120819"/>
              </a:xfrm>
              <a:custGeom>
                <a:avLst/>
                <a:gdLst>
                  <a:gd name="connsiteX0" fmla="*/ 0 w 84687"/>
                  <a:gd name="connsiteY0" fmla="*/ 0 h 120819"/>
                  <a:gd name="connsiteX1" fmla="*/ 84688 w 84687"/>
                  <a:gd name="connsiteY1" fmla="*/ 0 h 120819"/>
                  <a:gd name="connsiteX2" fmla="*/ 84688 w 84687"/>
                  <a:gd name="connsiteY2" fmla="*/ 120819 h 120819"/>
                  <a:gd name="connsiteX3" fmla="*/ 0 w 84687"/>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84687" h="120819">
                    <a:moveTo>
                      <a:pt x="0" y="0"/>
                    </a:moveTo>
                    <a:lnTo>
                      <a:pt x="84688" y="0"/>
                    </a:lnTo>
                    <a:lnTo>
                      <a:pt x="84688"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79" name="Freeform: Shape 978">
                <a:extLst>
                  <a:ext uri="{FF2B5EF4-FFF2-40B4-BE49-F238E27FC236}">
                    <a16:creationId xmlns:a16="http://schemas.microsoft.com/office/drawing/2014/main" id="{FFBF519E-0AA8-C302-0E4C-8AACD18DD8C2}"/>
                  </a:ext>
                </a:extLst>
              </p:cNvPr>
              <p:cNvSpPr/>
              <p:nvPr/>
            </p:nvSpPr>
            <p:spPr>
              <a:xfrm>
                <a:off x="14863837" y="6999185"/>
                <a:ext cx="84687" cy="120819"/>
              </a:xfrm>
              <a:custGeom>
                <a:avLst/>
                <a:gdLst>
                  <a:gd name="connsiteX0" fmla="*/ 0 w 84687"/>
                  <a:gd name="connsiteY0" fmla="*/ 0 h 120819"/>
                  <a:gd name="connsiteX1" fmla="*/ 84688 w 84687"/>
                  <a:gd name="connsiteY1" fmla="*/ 0 h 120819"/>
                  <a:gd name="connsiteX2" fmla="*/ 84688 w 84687"/>
                  <a:gd name="connsiteY2" fmla="*/ 120819 h 120819"/>
                  <a:gd name="connsiteX3" fmla="*/ 0 w 84687"/>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84687" h="120819">
                    <a:moveTo>
                      <a:pt x="0" y="0"/>
                    </a:moveTo>
                    <a:lnTo>
                      <a:pt x="84688" y="0"/>
                    </a:lnTo>
                    <a:lnTo>
                      <a:pt x="84688"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80" name="Freeform: Shape 979">
                <a:extLst>
                  <a:ext uri="{FF2B5EF4-FFF2-40B4-BE49-F238E27FC236}">
                    <a16:creationId xmlns:a16="http://schemas.microsoft.com/office/drawing/2014/main" id="{CBD0752E-97D7-8431-3392-15824EF2CC00}"/>
                  </a:ext>
                </a:extLst>
              </p:cNvPr>
              <p:cNvSpPr/>
              <p:nvPr/>
            </p:nvSpPr>
            <p:spPr>
              <a:xfrm>
                <a:off x="14863837" y="7254135"/>
                <a:ext cx="84687" cy="120819"/>
              </a:xfrm>
              <a:custGeom>
                <a:avLst/>
                <a:gdLst>
                  <a:gd name="connsiteX0" fmla="*/ 0 w 84687"/>
                  <a:gd name="connsiteY0" fmla="*/ 0 h 120819"/>
                  <a:gd name="connsiteX1" fmla="*/ 84688 w 84687"/>
                  <a:gd name="connsiteY1" fmla="*/ 0 h 120819"/>
                  <a:gd name="connsiteX2" fmla="*/ 84688 w 84687"/>
                  <a:gd name="connsiteY2" fmla="*/ 120819 h 120819"/>
                  <a:gd name="connsiteX3" fmla="*/ 0 w 84687"/>
                  <a:gd name="connsiteY3" fmla="*/ 120819 h 120819"/>
                </a:gdLst>
                <a:ahLst/>
                <a:cxnLst>
                  <a:cxn ang="0">
                    <a:pos x="connsiteX0" y="connsiteY0"/>
                  </a:cxn>
                  <a:cxn ang="0">
                    <a:pos x="connsiteX1" y="connsiteY1"/>
                  </a:cxn>
                  <a:cxn ang="0">
                    <a:pos x="connsiteX2" y="connsiteY2"/>
                  </a:cxn>
                  <a:cxn ang="0">
                    <a:pos x="connsiteX3" y="connsiteY3"/>
                  </a:cxn>
                </a:cxnLst>
                <a:rect l="l" t="t" r="r" b="b"/>
                <a:pathLst>
                  <a:path w="84687" h="120819">
                    <a:moveTo>
                      <a:pt x="0" y="0"/>
                    </a:moveTo>
                    <a:lnTo>
                      <a:pt x="84688" y="0"/>
                    </a:lnTo>
                    <a:lnTo>
                      <a:pt x="84688" y="120819"/>
                    </a:lnTo>
                    <a:lnTo>
                      <a:pt x="0" y="12081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81" name="Freeform: Shape 980">
                <a:extLst>
                  <a:ext uri="{FF2B5EF4-FFF2-40B4-BE49-F238E27FC236}">
                    <a16:creationId xmlns:a16="http://schemas.microsoft.com/office/drawing/2014/main" id="{F879D38A-F7AA-0358-DA4C-4F8CE674727D}"/>
                  </a:ext>
                </a:extLst>
              </p:cNvPr>
              <p:cNvSpPr/>
              <p:nvPr/>
            </p:nvSpPr>
            <p:spPr>
              <a:xfrm>
                <a:off x="14863837" y="7503634"/>
                <a:ext cx="84687" cy="120692"/>
              </a:xfrm>
              <a:custGeom>
                <a:avLst/>
                <a:gdLst>
                  <a:gd name="connsiteX0" fmla="*/ 0 w 84687"/>
                  <a:gd name="connsiteY0" fmla="*/ 0 h 120692"/>
                  <a:gd name="connsiteX1" fmla="*/ 84688 w 84687"/>
                  <a:gd name="connsiteY1" fmla="*/ 0 h 120692"/>
                  <a:gd name="connsiteX2" fmla="*/ 84688 w 84687"/>
                  <a:gd name="connsiteY2" fmla="*/ 120692 h 120692"/>
                  <a:gd name="connsiteX3" fmla="*/ 0 w 84687"/>
                  <a:gd name="connsiteY3" fmla="*/ 120692 h 120692"/>
                </a:gdLst>
                <a:ahLst/>
                <a:cxnLst>
                  <a:cxn ang="0">
                    <a:pos x="connsiteX0" y="connsiteY0"/>
                  </a:cxn>
                  <a:cxn ang="0">
                    <a:pos x="connsiteX1" y="connsiteY1"/>
                  </a:cxn>
                  <a:cxn ang="0">
                    <a:pos x="connsiteX2" y="connsiteY2"/>
                  </a:cxn>
                  <a:cxn ang="0">
                    <a:pos x="connsiteX3" y="connsiteY3"/>
                  </a:cxn>
                </a:cxnLst>
                <a:rect l="l" t="t" r="r" b="b"/>
                <a:pathLst>
                  <a:path w="84687" h="120692">
                    <a:moveTo>
                      <a:pt x="0" y="0"/>
                    </a:moveTo>
                    <a:lnTo>
                      <a:pt x="84688" y="0"/>
                    </a:lnTo>
                    <a:lnTo>
                      <a:pt x="84688" y="120692"/>
                    </a:lnTo>
                    <a:lnTo>
                      <a:pt x="0" y="120692"/>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82" name="Freeform: Shape 981">
                <a:extLst>
                  <a:ext uri="{FF2B5EF4-FFF2-40B4-BE49-F238E27FC236}">
                    <a16:creationId xmlns:a16="http://schemas.microsoft.com/office/drawing/2014/main" id="{CB39CE3F-CB22-9E1D-0926-A8CA31E1AF24}"/>
                  </a:ext>
                </a:extLst>
              </p:cNvPr>
              <p:cNvSpPr/>
              <p:nvPr/>
            </p:nvSpPr>
            <p:spPr>
              <a:xfrm>
                <a:off x="14756583" y="6410176"/>
                <a:ext cx="297800" cy="45259"/>
              </a:xfrm>
              <a:custGeom>
                <a:avLst/>
                <a:gdLst>
                  <a:gd name="connsiteX0" fmla="*/ 0 w 297800"/>
                  <a:gd name="connsiteY0" fmla="*/ 0 h 45259"/>
                  <a:gd name="connsiteX1" fmla="*/ 297801 w 297800"/>
                  <a:gd name="connsiteY1" fmla="*/ 0 h 45259"/>
                  <a:gd name="connsiteX2" fmla="*/ 297801 w 297800"/>
                  <a:gd name="connsiteY2" fmla="*/ 45260 h 45259"/>
                  <a:gd name="connsiteX3" fmla="*/ 0 w 297800"/>
                  <a:gd name="connsiteY3" fmla="*/ 45260 h 45259"/>
                </a:gdLst>
                <a:ahLst/>
                <a:cxnLst>
                  <a:cxn ang="0">
                    <a:pos x="connsiteX0" y="connsiteY0"/>
                  </a:cxn>
                  <a:cxn ang="0">
                    <a:pos x="connsiteX1" y="connsiteY1"/>
                  </a:cxn>
                  <a:cxn ang="0">
                    <a:pos x="connsiteX2" y="connsiteY2"/>
                  </a:cxn>
                  <a:cxn ang="0">
                    <a:pos x="connsiteX3" y="connsiteY3"/>
                  </a:cxn>
                </a:cxnLst>
                <a:rect l="l" t="t" r="r" b="b"/>
                <a:pathLst>
                  <a:path w="297800" h="45259">
                    <a:moveTo>
                      <a:pt x="0" y="0"/>
                    </a:moveTo>
                    <a:lnTo>
                      <a:pt x="297801" y="0"/>
                    </a:lnTo>
                    <a:lnTo>
                      <a:pt x="297801" y="45260"/>
                    </a:lnTo>
                    <a:lnTo>
                      <a:pt x="0" y="45260"/>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983" name="Graphic 778">
              <a:extLst>
                <a:ext uri="{FF2B5EF4-FFF2-40B4-BE49-F238E27FC236}">
                  <a16:creationId xmlns:a16="http://schemas.microsoft.com/office/drawing/2014/main" id="{8A351055-A50E-5144-2EFB-A122E5FD32FF}"/>
                </a:ext>
              </a:extLst>
            </p:cNvPr>
            <p:cNvGrpSpPr/>
            <p:nvPr/>
          </p:nvGrpSpPr>
          <p:grpSpPr>
            <a:xfrm>
              <a:off x="15499753" y="9558575"/>
              <a:ext cx="262937" cy="743425"/>
              <a:chOff x="15499753" y="9558575"/>
              <a:chExt cx="262937" cy="743425"/>
            </a:xfrm>
            <a:solidFill>
              <a:srgbClr val="FFFFFF"/>
            </a:solidFill>
          </p:grpSpPr>
          <p:sp>
            <p:nvSpPr>
              <p:cNvPr id="984" name="Freeform: Shape 983">
                <a:extLst>
                  <a:ext uri="{FF2B5EF4-FFF2-40B4-BE49-F238E27FC236}">
                    <a16:creationId xmlns:a16="http://schemas.microsoft.com/office/drawing/2014/main" id="{EE8ADBD3-6741-9936-F191-7B0818AF37B6}"/>
                  </a:ext>
                </a:extLst>
              </p:cNvPr>
              <p:cNvSpPr/>
              <p:nvPr/>
            </p:nvSpPr>
            <p:spPr>
              <a:xfrm>
                <a:off x="15499753" y="9558575"/>
                <a:ext cx="262937" cy="576205"/>
              </a:xfrm>
              <a:custGeom>
                <a:avLst/>
                <a:gdLst>
                  <a:gd name="connsiteX0" fmla="*/ 131468 w 262937"/>
                  <a:gd name="connsiteY0" fmla="*/ 0 h 576205"/>
                  <a:gd name="connsiteX1" fmla="*/ 0 w 262937"/>
                  <a:gd name="connsiteY1" fmla="*/ 131469 h 576205"/>
                  <a:gd name="connsiteX2" fmla="*/ 0 w 262937"/>
                  <a:gd name="connsiteY2" fmla="*/ 444737 h 576205"/>
                  <a:gd name="connsiteX3" fmla="*/ 131468 w 262937"/>
                  <a:gd name="connsiteY3" fmla="*/ 576205 h 576205"/>
                  <a:gd name="connsiteX4" fmla="*/ 262938 w 262937"/>
                  <a:gd name="connsiteY4" fmla="*/ 444737 h 576205"/>
                  <a:gd name="connsiteX5" fmla="*/ 262938 w 262937"/>
                  <a:gd name="connsiteY5" fmla="*/ 131469 h 576205"/>
                  <a:gd name="connsiteX6" fmla="*/ 131468 w 262937"/>
                  <a:gd name="connsiteY6" fmla="*/ 0 h 5762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2937" h="576205">
                    <a:moveTo>
                      <a:pt x="131468" y="0"/>
                    </a:moveTo>
                    <a:cubicBezTo>
                      <a:pt x="58825" y="0"/>
                      <a:pt x="0" y="58825"/>
                      <a:pt x="0" y="131469"/>
                    </a:cubicBezTo>
                    <a:lnTo>
                      <a:pt x="0" y="444737"/>
                    </a:lnTo>
                    <a:cubicBezTo>
                      <a:pt x="0" y="517380"/>
                      <a:pt x="58825" y="576205"/>
                      <a:pt x="131468" y="576205"/>
                    </a:cubicBezTo>
                    <a:cubicBezTo>
                      <a:pt x="204113" y="576205"/>
                      <a:pt x="262938" y="517380"/>
                      <a:pt x="262938" y="444737"/>
                    </a:cubicBezTo>
                    <a:lnTo>
                      <a:pt x="262938" y="131469"/>
                    </a:lnTo>
                    <a:cubicBezTo>
                      <a:pt x="262938" y="58825"/>
                      <a:pt x="204113" y="0"/>
                      <a:pt x="131468"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85" name="Freeform: Shape 984">
                <a:extLst>
                  <a:ext uri="{FF2B5EF4-FFF2-40B4-BE49-F238E27FC236}">
                    <a16:creationId xmlns:a16="http://schemas.microsoft.com/office/drawing/2014/main" id="{0A817CCB-4E3E-994B-7920-BDEE3A086BDE}"/>
                  </a:ext>
                </a:extLst>
              </p:cNvPr>
              <p:cNvSpPr/>
              <p:nvPr/>
            </p:nvSpPr>
            <p:spPr>
              <a:xfrm>
                <a:off x="15631222" y="9813399"/>
                <a:ext cx="12677" cy="488601"/>
              </a:xfrm>
              <a:custGeom>
                <a:avLst/>
                <a:gdLst>
                  <a:gd name="connsiteX0" fmla="*/ 0 w 12677"/>
                  <a:gd name="connsiteY0" fmla="*/ 488602 h 488601"/>
                  <a:gd name="connsiteX1" fmla="*/ 0 w 12677"/>
                  <a:gd name="connsiteY1" fmla="*/ 0 h 488601"/>
                </a:gdLst>
                <a:ahLst/>
                <a:cxnLst>
                  <a:cxn ang="0">
                    <a:pos x="connsiteX0" y="connsiteY0"/>
                  </a:cxn>
                  <a:cxn ang="0">
                    <a:pos x="connsiteX1" y="connsiteY1"/>
                  </a:cxn>
                </a:cxnLst>
                <a:rect l="l" t="t" r="r" b="b"/>
                <a:pathLst>
                  <a:path w="12677" h="488601">
                    <a:moveTo>
                      <a:pt x="0" y="488602"/>
                    </a:moveTo>
                    <a:lnTo>
                      <a:pt x="0" y="0"/>
                    </a:lnTo>
                  </a:path>
                </a:pathLst>
              </a:custGeom>
              <a:ln w="12674" cap="rnd">
                <a:solidFill>
                  <a:schemeClr val="tx1"/>
                </a:solidFill>
                <a:prstDash val="solid"/>
                <a:round/>
              </a:ln>
            </p:spPr>
            <p:txBody>
              <a:bodyPr rtlCol="0" anchor="ctr"/>
              <a:lstStyle/>
              <a:p>
                <a:endParaRPr lang="es-ES" sz="1092"/>
              </a:p>
            </p:txBody>
          </p:sp>
          <p:sp>
            <p:nvSpPr>
              <p:cNvPr id="986" name="Freeform: Shape 985">
                <a:extLst>
                  <a:ext uri="{FF2B5EF4-FFF2-40B4-BE49-F238E27FC236}">
                    <a16:creationId xmlns:a16="http://schemas.microsoft.com/office/drawing/2014/main" id="{7D2CF97A-C1A9-19C3-60AA-D6C485718C13}"/>
                  </a:ext>
                </a:extLst>
              </p:cNvPr>
              <p:cNvSpPr/>
              <p:nvPr/>
            </p:nvSpPr>
            <p:spPr>
              <a:xfrm>
                <a:off x="15571130" y="9883253"/>
                <a:ext cx="60092" cy="50330"/>
              </a:xfrm>
              <a:custGeom>
                <a:avLst/>
                <a:gdLst>
                  <a:gd name="connsiteX0" fmla="*/ 0 w 60092"/>
                  <a:gd name="connsiteY0" fmla="*/ 0 h 50330"/>
                  <a:gd name="connsiteX1" fmla="*/ 60092 w 60092"/>
                  <a:gd name="connsiteY1" fmla="*/ 50331 h 50330"/>
                </a:gdLst>
                <a:ahLst/>
                <a:cxnLst>
                  <a:cxn ang="0">
                    <a:pos x="connsiteX0" y="connsiteY0"/>
                  </a:cxn>
                  <a:cxn ang="0">
                    <a:pos x="connsiteX1" y="connsiteY1"/>
                  </a:cxn>
                </a:cxnLst>
                <a:rect l="l" t="t" r="r" b="b"/>
                <a:pathLst>
                  <a:path w="60092" h="50330">
                    <a:moveTo>
                      <a:pt x="0" y="0"/>
                    </a:moveTo>
                    <a:lnTo>
                      <a:pt x="60092" y="50331"/>
                    </a:lnTo>
                  </a:path>
                </a:pathLst>
              </a:custGeom>
              <a:ln w="12674" cap="rnd">
                <a:solidFill>
                  <a:schemeClr val="tx1"/>
                </a:solidFill>
                <a:prstDash val="solid"/>
                <a:round/>
              </a:ln>
            </p:spPr>
            <p:txBody>
              <a:bodyPr rtlCol="0" anchor="ctr"/>
              <a:lstStyle/>
              <a:p>
                <a:endParaRPr lang="es-ES" sz="1092"/>
              </a:p>
            </p:txBody>
          </p:sp>
          <p:sp>
            <p:nvSpPr>
              <p:cNvPr id="987" name="Freeform: Shape 986">
                <a:extLst>
                  <a:ext uri="{FF2B5EF4-FFF2-40B4-BE49-F238E27FC236}">
                    <a16:creationId xmlns:a16="http://schemas.microsoft.com/office/drawing/2014/main" id="{64FFA703-343A-84FC-24E8-3B7AF397A4CA}"/>
                  </a:ext>
                </a:extLst>
              </p:cNvPr>
              <p:cNvSpPr/>
              <p:nvPr/>
            </p:nvSpPr>
            <p:spPr>
              <a:xfrm>
                <a:off x="15631222" y="9956277"/>
                <a:ext cx="73023" cy="81137"/>
              </a:xfrm>
              <a:custGeom>
                <a:avLst/>
                <a:gdLst>
                  <a:gd name="connsiteX0" fmla="*/ 0 w 73023"/>
                  <a:gd name="connsiteY0" fmla="*/ 81138 h 81137"/>
                  <a:gd name="connsiteX1" fmla="*/ 73024 w 73023"/>
                  <a:gd name="connsiteY1" fmla="*/ 0 h 81137"/>
                </a:gdLst>
                <a:ahLst/>
                <a:cxnLst>
                  <a:cxn ang="0">
                    <a:pos x="connsiteX0" y="connsiteY0"/>
                  </a:cxn>
                  <a:cxn ang="0">
                    <a:pos x="connsiteX1" y="connsiteY1"/>
                  </a:cxn>
                </a:cxnLst>
                <a:rect l="l" t="t" r="r" b="b"/>
                <a:pathLst>
                  <a:path w="73023" h="81137">
                    <a:moveTo>
                      <a:pt x="0" y="81138"/>
                    </a:moveTo>
                    <a:lnTo>
                      <a:pt x="73024" y="0"/>
                    </a:lnTo>
                  </a:path>
                </a:pathLst>
              </a:custGeom>
              <a:ln w="12674" cap="rnd">
                <a:solidFill>
                  <a:schemeClr val="tx1"/>
                </a:solidFill>
                <a:prstDash val="solid"/>
                <a:round/>
              </a:ln>
            </p:spPr>
            <p:txBody>
              <a:bodyPr rtlCol="0" anchor="ctr"/>
              <a:lstStyle/>
              <a:p>
                <a:endParaRPr lang="es-ES" sz="1092"/>
              </a:p>
            </p:txBody>
          </p:sp>
        </p:grpSp>
        <p:grpSp>
          <p:nvGrpSpPr>
            <p:cNvPr id="988" name="Graphic 778">
              <a:extLst>
                <a:ext uri="{FF2B5EF4-FFF2-40B4-BE49-F238E27FC236}">
                  <a16:creationId xmlns:a16="http://schemas.microsoft.com/office/drawing/2014/main" id="{61DBB945-94DF-7170-0ADA-817975478EF0}"/>
                </a:ext>
              </a:extLst>
            </p:cNvPr>
            <p:cNvGrpSpPr/>
            <p:nvPr/>
          </p:nvGrpSpPr>
          <p:grpSpPr>
            <a:xfrm>
              <a:off x="15976565" y="9186863"/>
              <a:ext cx="262936" cy="743424"/>
              <a:chOff x="15976565" y="9186863"/>
              <a:chExt cx="262936" cy="743424"/>
            </a:xfrm>
            <a:solidFill>
              <a:srgbClr val="FFFFFF"/>
            </a:solidFill>
          </p:grpSpPr>
          <p:sp>
            <p:nvSpPr>
              <p:cNvPr id="989" name="Freeform: Shape 988">
                <a:extLst>
                  <a:ext uri="{FF2B5EF4-FFF2-40B4-BE49-F238E27FC236}">
                    <a16:creationId xmlns:a16="http://schemas.microsoft.com/office/drawing/2014/main" id="{49B5C6C4-9E85-B27B-AB87-52B180CD403C}"/>
                  </a:ext>
                </a:extLst>
              </p:cNvPr>
              <p:cNvSpPr/>
              <p:nvPr/>
            </p:nvSpPr>
            <p:spPr>
              <a:xfrm>
                <a:off x="15976565" y="9186863"/>
                <a:ext cx="262936" cy="576204"/>
              </a:xfrm>
              <a:custGeom>
                <a:avLst/>
                <a:gdLst>
                  <a:gd name="connsiteX0" fmla="*/ 131468 w 262936"/>
                  <a:gd name="connsiteY0" fmla="*/ 0 h 576204"/>
                  <a:gd name="connsiteX1" fmla="*/ 0 w 262936"/>
                  <a:gd name="connsiteY1" fmla="*/ 131469 h 576204"/>
                  <a:gd name="connsiteX2" fmla="*/ 0 w 262936"/>
                  <a:gd name="connsiteY2" fmla="*/ 444736 h 576204"/>
                  <a:gd name="connsiteX3" fmla="*/ 131468 w 262936"/>
                  <a:gd name="connsiteY3" fmla="*/ 576205 h 576204"/>
                  <a:gd name="connsiteX4" fmla="*/ 262937 w 262936"/>
                  <a:gd name="connsiteY4" fmla="*/ 444736 h 576204"/>
                  <a:gd name="connsiteX5" fmla="*/ 262937 w 262936"/>
                  <a:gd name="connsiteY5" fmla="*/ 131469 h 576204"/>
                  <a:gd name="connsiteX6" fmla="*/ 131468 w 262936"/>
                  <a:gd name="connsiteY6" fmla="*/ 0 h 5762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2936" h="576204">
                    <a:moveTo>
                      <a:pt x="131468" y="0"/>
                    </a:moveTo>
                    <a:cubicBezTo>
                      <a:pt x="58824" y="0"/>
                      <a:pt x="0" y="58825"/>
                      <a:pt x="0" y="131469"/>
                    </a:cubicBezTo>
                    <a:lnTo>
                      <a:pt x="0" y="444736"/>
                    </a:lnTo>
                    <a:cubicBezTo>
                      <a:pt x="0" y="517380"/>
                      <a:pt x="58824" y="576205"/>
                      <a:pt x="131468" y="576205"/>
                    </a:cubicBezTo>
                    <a:cubicBezTo>
                      <a:pt x="204112" y="576205"/>
                      <a:pt x="262937" y="517380"/>
                      <a:pt x="262937" y="444736"/>
                    </a:cubicBezTo>
                    <a:lnTo>
                      <a:pt x="262937" y="131469"/>
                    </a:lnTo>
                    <a:cubicBezTo>
                      <a:pt x="262937" y="58825"/>
                      <a:pt x="204112" y="0"/>
                      <a:pt x="131468"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90" name="Freeform: Shape 989">
                <a:extLst>
                  <a:ext uri="{FF2B5EF4-FFF2-40B4-BE49-F238E27FC236}">
                    <a16:creationId xmlns:a16="http://schemas.microsoft.com/office/drawing/2014/main" id="{5B40DC88-FBE9-17B7-C0CB-C096AB48352A}"/>
                  </a:ext>
                </a:extLst>
              </p:cNvPr>
              <p:cNvSpPr/>
              <p:nvPr/>
            </p:nvSpPr>
            <p:spPr>
              <a:xfrm>
                <a:off x="16108033" y="9441686"/>
                <a:ext cx="12677" cy="488601"/>
              </a:xfrm>
              <a:custGeom>
                <a:avLst/>
                <a:gdLst>
                  <a:gd name="connsiteX0" fmla="*/ 0 w 12677"/>
                  <a:gd name="connsiteY0" fmla="*/ 488602 h 488601"/>
                  <a:gd name="connsiteX1" fmla="*/ 0 w 12677"/>
                  <a:gd name="connsiteY1" fmla="*/ 0 h 488601"/>
                </a:gdLst>
                <a:ahLst/>
                <a:cxnLst>
                  <a:cxn ang="0">
                    <a:pos x="connsiteX0" y="connsiteY0"/>
                  </a:cxn>
                  <a:cxn ang="0">
                    <a:pos x="connsiteX1" y="connsiteY1"/>
                  </a:cxn>
                </a:cxnLst>
                <a:rect l="l" t="t" r="r" b="b"/>
                <a:pathLst>
                  <a:path w="12677" h="488601">
                    <a:moveTo>
                      <a:pt x="0" y="488602"/>
                    </a:moveTo>
                    <a:lnTo>
                      <a:pt x="0" y="0"/>
                    </a:lnTo>
                  </a:path>
                </a:pathLst>
              </a:custGeom>
              <a:ln w="12674" cap="rnd">
                <a:solidFill>
                  <a:schemeClr val="tx1"/>
                </a:solidFill>
                <a:prstDash val="solid"/>
                <a:round/>
              </a:ln>
            </p:spPr>
            <p:txBody>
              <a:bodyPr rtlCol="0" anchor="ctr"/>
              <a:lstStyle/>
              <a:p>
                <a:endParaRPr lang="es-ES" sz="1092"/>
              </a:p>
            </p:txBody>
          </p:sp>
          <p:sp>
            <p:nvSpPr>
              <p:cNvPr id="991" name="Freeform: Shape 990">
                <a:extLst>
                  <a:ext uri="{FF2B5EF4-FFF2-40B4-BE49-F238E27FC236}">
                    <a16:creationId xmlns:a16="http://schemas.microsoft.com/office/drawing/2014/main" id="{6DB68806-A88A-19AF-A6D7-5D803B0D4B4F}"/>
                  </a:ext>
                </a:extLst>
              </p:cNvPr>
              <p:cNvSpPr/>
              <p:nvPr/>
            </p:nvSpPr>
            <p:spPr>
              <a:xfrm>
                <a:off x="16048067" y="9511541"/>
                <a:ext cx="59965" cy="50330"/>
              </a:xfrm>
              <a:custGeom>
                <a:avLst/>
                <a:gdLst>
                  <a:gd name="connsiteX0" fmla="*/ 0 w 59965"/>
                  <a:gd name="connsiteY0" fmla="*/ 0 h 50330"/>
                  <a:gd name="connsiteX1" fmla="*/ 59966 w 59965"/>
                  <a:gd name="connsiteY1" fmla="*/ 50331 h 50330"/>
                </a:gdLst>
                <a:ahLst/>
                <a:cxnLst>
                  <a:cxn ang="0">
                    <a:pos x="connsiteX0" y="connsiteY0"/>
                  </a:cxn>
                  <a:cxn ang="0">
                    <a:pos x="connsiteX1" y="connsiteY1"/>
                  </a:cxn>
                </a:cxnLst>
                <a:rect l="l" t="t" r="r" b="b"/>
                <a:pathLst>
                  <a:path w="59965" h="50330">
                    <a:moveTo>
                      <a:pt x="0" y="0"/>
                    </a:moveTo>
                    <a:lnTo>
                      <a:pt x="59966" y="50331"/>
                    </a:lnTo>
                  </a:path>
                </a:pathLst>
              </a:custGeom>
              <a:ln w="12674" cap="rnd">
                <a:solidFill>
                  <a:schemeClr val="tx1"/>
                </a:solidFill>
                <a:prstDash val="solid"/>
                <a:round/>
              </a:ln>
            </p:spPr>
            <p:txBody>
              <a:bodyPr rtlCol="0" anchor="ctr"/>
              <a:lstStyle/>
              <a:p>
                <a:endParaRPr lang="es-ES" sz="1092"/>
              </a:p>
            </p:txBody>
          </p:sp>
          <p:sp>
            <p:nvSpPr>
              <p:cNvPr id="992" name="Freeform: Shape 991">
                <a:extLst>
                  <a:ext uri="{FF2B5EF4-FFF2-40B4-BE49-F238E27FC236}">
                    <a16:creationId xmlns:a16="http://schemas.microsoft.com/office/drawing/2014/main" id="{08A2668D-8004-5937-A793-AE57631C91B2}"/>
                  </a:ext>
                </a:extLst>
              </p:cNvPr>
              <p:cNvSpPr/>
              <p:nvPr/>
            </p:nvSpPr>
            <p:spPr>
              <a:xfrm>
                <a:off x="16108033" y="9584565"/>
                <a:ext cx="73023" cy="81137"/>
              </a:xfrm>
              <a:custGeom>
                <a:avLst/>
                <a:gdLst>
                  <a:gd name="connsiteX0" fmla="*/ 0 w 73023"/>
                  <a:gd name="connsiteY0" fmla="*/ 81138 h 81137"/>
                  <a:gd name="connsiteX1" fmla="*/ 73024 w 73023"/>
                  <a:gd name="connsiteY1" fmla="*/ 0 h 81137"/>
                </a:gdLst>
                <a:ahLst/>
                <a:cxnLst>
                  <a:cxn ang="0">
                    <a:pos x="connsiteX0" y="connsiteY0"/>
                  </a:cxn>
                  <a:cxn ang="0">
                    <a:pos x="connsiteX1" y="connsiteY1"/>
                  </a:cxn>
                </a:cxnLst>
                <a:rect l="l" t="t" r="r" b="b"/>
                <a:pathLst>
                  <a:path w="73023" h="81137">
                    <a:moveTo>
                      <a:pt x="0" y="81138"/>
                    </a:moveTo>
                    <a:lnTo>
                      <a:pt x="73024" y="0"/>
                    </a:lnTo>
                  </a:path>
                </a:pathLst>
              </a:custGeom>
              <a:ln w="12674" cap="rnd">
                <a:solidFill>
                  <a:schemeClr val="tx1"/>
                </a:solidFill>
                <a:prstDash val="solid"/>
                <a:round/>
              </a:ln>
            </p:spPr>
            <p:txBody>
              <a:bodyPr rtlCol="0" anchor="ctr"/>
              <a:lstStyle/>
              <a:p>
                <a:endParaRPr lang="es-ES" sz="1092"/>
              </a:p>
            </p:txBody>
          </p:sp>
        </p:grpSp>
        <p:grpSp>
          <p:nvGrpSpPr>
            <p:cNvPr id="993" name="Graphic 778">
              <a:extLst>
                <a:ext uri="{FF2B5EF4-FFF2-40B4-BE49-F238E27FC236}">
                  <a16:creationId xmlns:a16="http://schemas.microsoft.com/office/drawing/2014/main" id="{EF942C59-F152-F904-42A6-1A0D877D2D59}"/>
                </a:ext>
              </a:extLst>
            </p:cNvPr>
            <p:cNvGrpSpPr/>
            <p:nvPr/>
          </p:nvGrpSpPr>
          <p:grpSpPr>
            <a:xfrm>
              <a:off x="18170961" y="9362957"/>
              <a:ext cx="262936" cy="743424"/>
              <a:chOff x="18170961" y="9362957"/>
              <a:chExt cx="262936" cy="743424"/>
            </a:xfrm>
            <a:solidFill>
              <a:srgbClr val="FFFFFF"/>
            </a:solidFill>
          </p:grpSpPr>
          <p:sp>
            <p:nvSpPr>
              <p:cNvPr id="994" name="Freeform: Shape 993">
                <a:extLst>
                  <a:ext uri="{FF2B5EF4-FFF2-40B4-BE49-F238E27FC236}">
                    <a16:creationId xmlns:a16="http://schemas.microsoft.com/office/drawing/2014/main" id="{3A79E04F-6DF0-E42F-78EC-6169CAF88120}"/>
                  </a:ext>
                </a:extLst>
              </p:cNvPr>
              <p:cNvSpPr/>
              <p:nvPr/>
            </p:nvSpPr>
            <p:spPr>
              <a:xfrm>
                <a:off x="18170961" y="9362957"/>
                <a:ext cx="262936" cy="576205"/>
              </a:xfrm>
              <a:custGeom>
                <a:avLst/>
                <a:gdLst>
                  <a:gd name="connsiteX0" fmla="*/ 131468 w 262936"/>
                  <a:gd name="connsiteY0" fmla="*/ 0 h 576205"/>
                  <a:gd name="connsiteX1" fmla="*/ 0 w 262936"/>
                  <a:gd name="connsiteY1" fmla="*/ 131469 h 576205"/>
                  <a:gd name="connsiteX2" fmla="*/ 0 w 262936"/>
                  <a:gd name="connsiteY2" fmla="*/ 444737 h 576205"/>
                  <a:gd name="connsiteX3" fmla="*/ 131468 w 262936"/>
                  <a:gd name="connsiteY3" fmla="*/ 576205 h 576205"/>
                  <a:gd name="connsiteX4" fmla="*/ 262937 w 262936"/>
                  <a:gd name="connsiteY4" fmla="*/ 444737 h 576205"/>
                  <a:gd name="connsiteX5" fmla="*/ 262937 w 262936"/>
                  <a:gd name="connsiteY5" fmla="*/ 131469 h 576205"/>
                  <a:gd name="connsiteX6" fmla="*/ 131468 w 262936"/>
                  <a:gd name="connsiteY6" fmla="*/ 0 h 5762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2936" h="576205">
                    <a:moveTo>
                      <a:pt x="131468" y="0"/>
                    </a:moveTo>
                    <a:cubicBezTo>
                      <a:pt x="58825" y="0"/>
                      <a:pt x="0" y="58825"/>
                      <a:pt x="0" y="131469"/>
                    </a:cubicBezTo>
                    <a:lnTo>
                      <a:pt x="0" y="444737"/>
                    </a:lnTo>
                    <a:cubicBezTo>
                      <a:pt x="0" y="517380"/>
                      <a:pt x="58825" y="576205"/>
                      <a:pt x="131468" y="576205"/>
                    </a:cubicBezTo>
                    <a:cubicBezTo>
                      <a:pt x="204113" y="576205"/>
                      <a:pt x="262937" y="517380"/>
                      <a:pt x="262937" y="444737"/>
                    </a:cubicBezTo>
                    <a:lnTo>
                      <a:pt x="262937" y="131469"/>
                    </a:lnTo>
                    <a:cubicBezTo>
                      <a:pt x="262937" y="58825"/>
                      <a:pt x="204113" y="0"/>
                      <a:pt x="131468"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995" name="Freeform: Shape 994">
                <a:extLst>
                  <a:ext uri="{FF2B5EF4-FFF2-40B4-BE49-F238E27FC236}">
                    <a16:creationId xmlns:a16="http://schemas.microsoft.com/office/drawing/2014/main" id="{94A50625-822D-E3DE-1921-49F8A76A2FE0}"/>
                  </a:ext>
                </a:extLst>
              </p:cNvPr>
              <p:cNvSpPr/>
              <p:nvPr/>
            </p:nvSpPr>
            <p:spPr>
              <a:xfrm>
                <a:off x="18302429" y="9617907"/>
                <a:ext cx="12677" cy="488474"/>
              </a:xfrm>
              <a:custGeom>
                <a:avLst/>
                <a:gdLst>
                  <a:gd name="connsiteX0" fmla="*/ 0 w 12677"/>
                  <a:gd name="connsiteY0" fmla="*/ 488475 h 488474"/>
                  <a:gd name="connsiteX1" fmla="*/ 0 w 12677"/>
                  <a:gd name="connsiteY1" fmla="*/ 0 h 488474"/>
                </a:gdLst>
                <a:ahLst/>
                <a:cxnLst>
                  <a:cxn ang="0">
                    <a:pos x="connsiteX0" y="connsiteY0"/>
                  </a:cxn>
                  <a:cxn ang="0">
                    <a:pos x="connsiteX1" y="connsiteY1"/>
                  </a:cxn>
                </a:cxnLst>
                <a:rect l="l" t="t" r="r" b="b"/>
                <a:pathLst>
                  <a:path w="12677" h="488474">
                    <a:moveTo>
                      <a:pt x="0" y="488475"/>
                    </a:moveTo>
                    <a:lnTo>
                      <a:pt x="0" y="0"/>
                    </a:lnTo>
                  </a:path>
                </a:pathLst>
              </a:custGeom>
              <a:ln w="12674" cap="rnd">
                <a:solidFill>
                  <a:schemeClr val="tx1"/>
                </a:solidFill>
                <a:prstDash val="solid"/>
                <a:round/>
              </a:ln>
            </p:spPr>
            <p:txBody>
              <a:bodyPr rtlCol="0" anchor="ctr"/>
              <a:lstStyle/>
              <a:p>
                <a:endParaRPr lang="es-ES" sz="1092"/>
              </a:p>
            </p:txBody>
          </p:sp>
          <p:sp>
            <p:nvSpPr>
              <p:cNvPr id="996" name="Freeform: Shape 995">
                <a:extLst>
                  <a:ext uri="{FF2B5EF4-FFF2-40B4-BE49-F238E27FC236}">
                    <a16:creationId xmlns:a16="http://schemas.microsoft.com/office/drawing/2014/main" id="{06A6E2EA-B365-E81F-3111-3ADDCDBC4211}"/>
                  </a:ext>
                </a:extLst>
              </p:cNvPr>
              <p:cNvSpPr/>
              <p:nvPr/>
            </p:nvSpPr>
            <p:spPr>
              <a:xfrm>
                <a:off x="18242337" y="9687635"/>
                <a:ext cx="60092" cy="50330"/>
              </a:xfrm>
              <a:custGeom>
                <a:avLst/>
                <a:gdLst>
                  <a:gd name="connsiteX0" fmla="*/ 0 w 60092"/>
                  <a:gd name="connsiteY0" fmla="*/ 0 h 50330"/>
                  <a:gd name="connsiteX1" fmla="*/ 60092 w 60092"/>
                  <a:gd name="connsiteY1" fmla="*/ 50331 h 50330"/>
                </a:gdLst>
                <a:ahLst/>
                <a:cxnLst>
                  <a:cxn ang="0">
                    <a:pos x="connsiteX0" y="connsiteY0"/>
                  </a:cxn>
                  <a:cxn ang="0">
                    <a:pos x="connsiteX1" y="connsiteY1"/>
                  </a:cxn>
                </a:cxnLst>
                <a:rect l="l" t="t" r="r" b="b"/>
                <a:pathLst>
                  <a:path w="60092" h="50330">
                    <a:moveTo>
                      <a:pt x="0" y="0"/>
                    </a:moveTo>
                    <a:lnTo>
                      <a:pt x="60092" y="50331"/>
                    </a:lnTo>
                  </a:path>
                </a:pathLst>
              </a:custGeom>
              <a:ln w="12674" cap="rnd">
                <a:solidFill>
                  <a:schemeClr val="tx1"/>
                </a:solidFill>
                <a:prstDash val="solid"/>
                <a:round/>
              </a:ln>
            </p:spPr>
            <p:txBody>
              <a:bodyPr rtlCol="0" anchor="ctr"/>
              <a:lstStyle/>
              <a:p>
                <a:endParaRPr lang="es-ES" sz="1092"/>
              </a:p>
            </p:txBody>
          </p:sp>
          <p:sp>
            <p:nvSpPr>
              <p:cNvPr id="997" name="Freeform: Shape 996">
                <a:extLst>
                  <a:ext uri="{FF2B5EF4-FFF2-40B4-BE49-F238E27FC236}">
                    <a16:creationId xmlns:a16="http://schemas.microsoft.com/office/drawing/2014/main" id="{99835D17-D518-520A-1DB1-C8D52DA1930F}"/>
                  </a:ext>
                </a:extLst>
              </p:cNvPr>
              <p:cNvSpPr/>
              <p:nvPr/>
            </p:nvSpPr>
            <p:spPr>
              <a:xfrm>
                <a:off x="18302429" y="9760659"/>
                <a:ext cx="73023" cy="81137"/>
              </a:xfrm>
              <a:custGeom>
                <a:avLst/>
                <a:gdLst>
                  <a:gd name="connsiteX0" fmla="*/ 0 w 73023"/>
                  <a:gd name="connsiteY0" fmla="*/ 81138 h 81137"/>
                  <a:gd name="connsiteX1" fmla="*/ 73024 w 73023"/>
                  <a:gd name="connsiteY1" fmla="*/ 0 h 81137"/>
                </a:gdLst>
                <a:ahLst/>
                <a:cxnLst>
                  <a:cxn ang="0">
                    <a:pos x="connsiteX0" y="connsiteY0"/>
                  </a:cxn>
                  <a:cxn ang="0">
                    <a:pos x="connsiteX1" y="connsiteY1"/>
                  </a:cxn>
                </a:cxnLst>
                <a:rect l="l" t="t" r="r" b="b"/>
                <a:pathLst>
                  <a:path w="73023" h="81137">
                    <a:moveTo>
                      <a:pt x="0" y="81138"/>
                    </a:moveTo>
                    <a:lnTo>
                      <a:pt x="73024" y="0"/>
                    </a:lnTo>
                  </a:path>
                </a:pathLst>
              </a:custGeom>
              <a:ln w="12674" cap="rnd">
                <a:solidFill>
                  <a:schemeClr val="tx1"/>
                </a:solidFill>
                <a:prstDash val="solid"/>
                <a:round/>
              </a:ln>
            </p:spPr>
            <p:txBody>
              <a:bodyPr rtlCol="0" anchor="ctr"/>
              <a:lstStyle/>
              <a:p>
                <a:endParaRPr lang="es-ES" sz="1092"/>
              </a:p>
            </p:txBody>
          </p:sp>
        </p:grpSp>
        <p:grpSp>
          <p:nvGrpSpPr>
            <p:cNvPr id="998" name="Graphic 778">
              <a:extLst>
                <a:ext uri="{FF2B5EF4-FFF2-40B4-BE49-F238E27FC236}">
                  <a16:creationId xmlns:a16="http://schemas.microsoft.com/office/drawing/2014/main" id="{9C50CAD2-4C18-7271-D23D-A78BC6B2265B}"/>
                </a:ext>
              </a:extLst>
            </p:cNvPr>
            <p:cNvGrpSpPr/>
            <p:nvPr/>
          </p:nvGrpSpPr>
          <p:grpSpPr>
            <a:xfrm>
              <a:off x="12152821" y="6670070"/>
              <a:ext cx="262936" cy="743425"/>
              <a:chOff x="12152821" y="6670070"/>
              <a:chExt cx="262936" cy="743425"/>
            </a:xfrm>
            <a:solidFill>
              <a:srgbClr val="FFFFFF"/>
            </a:solidFill>
          </p:grpSpPr>
          <p:sp>
            <p:nvSpPr>
              <p:cNvPr id="999" name="Freeform: Shape 998">
                <a:extLst>
                  <a:ext uri="{FF2B5EF4-FFF2-40B4-BE49-F238E27FC236}">
                    <a16:creationId xmlns:a16="http://schemas.microsoft.com/office/drawing/2014/main" id="{95BA6BD5-FB1D-4086-7139-90A5CA52ED55}"/>
                  </a:ext>
                </a:extLst>
              </p:cNvPr>
              <p:cNvSpPr/>
              <p:nvPr/>
            </p:nvSpPr>
            <p:spPr>
              <a:xfrm>
                <a:off x="12152821" y="6670070"/>
                <a:ext cx="262936" cy="576204"/>
              </a:xfrm>
              <a:custGeom>
                <a:avLst/>
                <a:gdLst>
                  <a:gd name="connsiteX0" fmla="*/ 131468 w 262936"/>
                  <a:gd name="connsiteY0" fmla="*/ 0 h 576204"/>
                  <a:gd name="connsiteX1" fmla="*/ 0 w 262936"/>
                  <a:gd name="connsiteY1" fmla="*/ 131469 h 576204"/>
                  <a:gd name="connsiteX2" fmla="*/ 0 w 262936"/>
                  <a:gd name="connsiteY2" fmla="*/ 444737 h 576204"/>
                  <a:gd name="connsiteX3" fmla="*/ 131468 w 262936"/>
                  <a:gd name="connsiteY3" fmla="*/ 576205 h 576204"/>
                  <a:gd name="connsiteX4" fmla="*/ 262937 w 262936"/>
                  <a:gd name="connsiteY4" fmla="*/ 444737 h 576204"/>
                  <a:gd name="connsiteX5" fmla="*/ 262937 w 262936"/>
                  <a:gd name="connsiteY5" fmla="*/ 131469 h 576204"/>
                  <a:gd name="connsiteX6" fmla="*/ 131468 w 262936"/>
                  <a:gd name="connsiteY6" fmla="*/ 0 h 5762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2936" h="576204">
                    <a:moveTo>
                      <a:pt x="131468" y="0"/>
                    </a:moveTo>
                    <a:cubicBezTo>
                      <a:pt x="58825" y="0"/>
                      <a:pt x="0" y="58825"/>
                      <a:pt x="0" y="131469"/>
                    </a:cubicBezTo>
                    <a:lnTo>
                      <a:pt x="0" y="444737"/>
                    </a:lnTo>
                    <a:cubicBezTo>
                      <a:pt x="0" y="517380"/>
                      <a:pt x="58825" y="576205"/>
                      <a:pt x="131468" y="576205"/>
                    </a:cubicBezTo>
                    <a:cubicBezTo>
                      <a:pt x="204112" y="576205"/>
                      <a:pt x="262937" y="517380"/>
                      <a:pt x="262937" y="444737"/>
                    </a:cubicBezTo>
                    <a:lnTo>
                      <a:pt x="262937" y="131469"/>
                    </a:lnTo>
                    <a:cubicBezTo>
                      <a:pt x="262937" y="58825"/>
                      <a:pt x="204112" y="0"/>
                      <a:pt x="131468"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00" name="Freeform: Shape 999">
                <a:extLst>
                  <a:ext uri="{FF2B5EF4-FFF2-40B4-BE49-F238E27FC236}">
                    <a16:creationId xmlns:a16="http://schemas.microsoft.com/office/drawing/2014/main" id="{6C889244-92E9-B9EE-0B81-7D3193D8E38E}"/>
                  </a:ext>
                </a:extLst>
              </p:cNvPr>
              <p:cNvSpPr/>
              <p:nvPr/>
            </p:nvSpPr>
            <p:spPr>
              <a:xfrm>
                <a:off x="12284290" y="6924894"/>
                <a:ext cx="12677" cy="488601"/>
              </a:xfrm>
              <a:custGeom>
                <a:avLst/>
                <a:gdLst>
                  <a:gd name="connsiteX0" fmla="*/ 0 w 12677"/>
                  <a:gd name="connsiteY0" fmla="*/ 488602 h 488601"/>
                  <a:gd name="connsiteX1" fmla="*/ 0 w 12677"/>
                  <a:gd name="connsiteY1" fmla="*/ 0 h 488601"/>
                </a:gdLst>
                <a:ahLst/>
                <a:cxnLst>
                  <a:cxn ang="0">
                    <a:pos x="connsiteX0" y="connsiteY0"/>
                  </a:cxn>
                  <a:cxn ang="0">
                    <a:pos x="connsiteX1" y="connsiteY1"/>
                  </a:cxn>
                </a:cxnLst>
                <a:rect l="l" t="t" r="r" b="b"/>
                <a:pathLst>
                  <a:path w="12677" h="488601">
                    <a:moveTo>
                      <a:pt x="0" y="488602"/>
                    </a:moveTo>
                    <a:lnTo>
                      <a:pt x="0" y="0"/>
                    </a:lnTo>
                  </a:path>
                </a:pathLst>
              </a:custGeom>
              <a:ln w="12674" cap="rnd">
                <a:solidFill>
                  <a:schemeClr val="tx1"/>
                </a:solidFill>
                <a:prstDash val="solid"/>
                <a:round/>
              </a:ln>
            </p:spPr>
            <p:txBody>
              <a:bodyPr rtlCol="0" anchor="ctr"/>
              <a:lstStyle/>
              <a:p>
                <a:endParaRPr lang="es-ES" sz="1092"/>
              </a:p>
            </p:txBody>
          </p:sp>
          <p:sp>
            <p:nvSpPr>
              <p:cNvPr id="1001" name="Freeform: Shape 1000">
                <a:extLst>
                  <a:ext uri="{FF2B5EF4-FFF2-40B4-BE49-F238E27FC236}">
                    <a16:creationId xmlns:a16="http://schemas.microsoft.com/office/drawing/2014/main" id="{7367D135-23FC-7870-16A0-D2BD774B8077}"/>
                  </a:ext>
                </a:extLst>
              </p:cNvPr>
              <p:cNvSpPr/>
              <p:nvPr/>
            </p:nvSpPr>
            <p:spPr>
              <a:xfrm>
                <a:off x="12224324" y="6994748"/>
                <a:ext cx="59965" cy="50330"/>
              </a:xfrm>
              <a:custGeom>
                <a:avLst/>
                <a:gdLst>
                  <a:gd name="connsiteX0" fmla="*/ 0 w 59965"/>
                  <a:gd name="connsiteY0" fmla="*/ 0 h 50330"/>
                  <a:gd name="connsiteX1" fmla="*/ 59966 w 59965"/>
                  <a:gd name="connsiteY1" fmla="*/ 50331 h 50330"/>
                </a:gdLst>
                <a:ahLst/>
                <a:cxnLst>
                  <a:cxn ang="0">
                    <a:pos x="connsiteX0" y="connsiteY0"/>
                  </a:cxn>
                  <a:cxn ang="0">
                    <a:pos x="connsiteX1" y="connsiteY1"/>
                  </a:cxn>
                </a:cxnLst>
                <a:rect l="l" t="t" r="r" b="b"/>
                <a:pathLst>
                  <a:path w="59965" h="50330">
                    <a:moveTo>
                      <a:pt x="0" y="0"/>
                    </a:moveTo>
                    <a:lnTo>
                      <a:pt x="59966" y="50331"/>
                    </a:lnTo>
                  </a:path>
                </a:pathLst>
              </a:custGeom>
              <a:ln w="12674" cap="rnd">
                <a:solidFill>
                  <a:schemeClr val="tx1"/>
                </a:solidFill>
                <a:prstDash val="solid"/>
                <a:round/>
              </a:ln>
            </p:spPr>
            <p:txBody>
              <a:bodyPr rtlCol="0" anchor="ctr"/>
              <a:lstStyle/>
              <a:p>
                <a:endParaRPr lang="es-ES" sz="1092"/>
              </a:p>
            </p:txBody>
          </p:sp>
          <p:sp>
            <p:nvSpPr>
              <p:cNvPr id="1002" name="Freeform: Shape 1001">
                <a:extLst>
                  <a:ext uri="{FF2B5EF4-FFF2-40B4-BE49-F238E27FC236}">
                    <a16:creationId xmlns:a16="http://schemas.microsoft.com/office/drawing/2014/main" id="{9F51B4B6-F802-723E-EF86-873442D1AB5C}"/>
                  </a:ext>
                </a:extLst>
              </p:cNvPr>
              <p:cNvSpPr/>
              <p:nvPr/>
            </p:nvSpPr>
            <p:spPr>
              <a:xfrm>
                <a:off x="12284290" y="7067772"/>
                <a:ext cx="73150" cy="81137"/>
              </a:xfrm>
              <a:custGeom>
                <a:avLst/>
                <a:gdLst>
                  <a:gd name="connsiteX0" fmla="*/ 0 w 73150"/>
                  <a:gd name="connsiteY0" fmla="*/ 81138 h 81137"/>
                  <a:gd name="connsiteX1" fmla="*/ 73151 w 73150"/>
                  <a:gd name="connsiteY1" fmla="*/ 0 h 81137"/>
                </a:gdLst>
                <a:ahLst/>
                <a:cxnLst>
                  <a:cxn ang="0">
                    <a:pos x="connsiteX0" y="connsiteY0"/>
                  </a:cxn>
                  <a:cxn ang="0">
                    <a:pos x="connsiteX1" y="connsiteY1"/>
                  </a:cxn>
                </a:cxnLst>
                <a:rect l="l" t="t" r="r" b="b"/>
                <a:pathLst>
                  <a:path w="73150" h="81137">
                    <a:moveTo>
                      <a:pt x="0" y="81138"/>
                    </a:moveTo>
                    <a:lnTo>
                      <a:pt x="73151" y="0"/>
                    </a:lnTo>
                  </a:path>
                </a:pathLst>
              </a:custGeom>
              <a:ln w="12674" cap="rnd">
                <a:solidFill>
                  <a:schemeClr val="tx1"/>
                </a:solidFill>
                <a:prstDash val="solid"/>
                <a:round/>
              </a:ln>
            </p:spPr>
            <p:txBody>
              <a:bodyPr rtlCol="0" anchor="ctr"/>
              <a:lstStyle/>
              <a:p>
                <a:endParaRPr lang="es-ES" sz="1092"/>
              </a:p>
            </p:txBody>
          </p:sp>
        </p:grpSp>
        <p:grpSp>
          <p:nvGrpSpPr>
            <p:cNvPr id="1003" name="Graphic 778">
              <a:extLst>
                <a:ext uri="{FF2B5EF4-FFF2-40B4-BE49-F238E27FC236}">
                  <a16:creationId xmlns:a16="http://schemas.microsoft.com/office/drawing/2014/main" id="{ECA3213D-77CE-6010-C108-7C044A6B2DC8}"/>
                </a:ext>
              </a:extLst>
            </p:cNvPr>
            <p:cNvGrpSpPr/>
            <p:nvPr/>
          </p:nvGrpSpPr>
          <p:grpSpPr>
            <a:xfrm>
              <a:off x="12569032" y="6797482"/>
              <a:ext cx="262936" cy="743424"/>
              <a:chOff x="12569032" y="6797482"/>
              <a:chExt cx="262936" cy="743424"/>
            </a:xfrm>
            <a:solidFill>
              <a:srgbClr val="FFFFFF"/>
            </a:solidFill>
          </p:grpSpPr>
          <p:sp>
            <p:nvSpPr>
              <p:cNvPr id="1004" name="Freeform: Shape 1003">
                <a:extLst>
                  <a:ext uri="{FF2B5EF4-FFF2-40B4-BE49-F238E27FC236}">
                    <a16:creationId xmlns:a16="http://schemas.microsoft.com/office/drawing/2014/main" id="{0B4B3792-DB2F-B265-0E7E-D6AC0A368B47}"/>
                  </a:ext>
                </a:extLst>
              </p:cNvPr>
              <p:cNvSpPr/>
              <p:nvPr/>
            </p:nvSpPr>
            <p:spPr>
              <a:xfrm>
                <a:off x="12569032" y="6797482"/>
                <a:ext cx="262936" cy="576204"/>
              </a:xfrm>
              <a:custGeom>
                <a:avLst/>
                <a:gdLst>
                  <a:gd name="connsiteX0" fmla="*/ 131468 w 262936"/>
                  <a:gd name="connsiteY0" fmla="*/ 0 h 576204"/>
                  <a:gd name="connsiteX1" fmla="*/ 0 w 262936"/>
                  <a:gd name="connsiteY1" fmla="*/ 131469 h 576204"/>
                  <a:gd name="connsiteX2" fmla="*/ 0 w 262936"/>
                  <a:gd name="connsiteY2" fmla="*/ 444736 h 576204"/>
                  <a:gd name="connsiteX3" fmla="*/ 131468 w 262936"/>
                  <a:gd name="connsiteY3" fmla="*/ 576205 h 576204"/>
                  <a:gd name="connsiteX4" fmla="*/ 262937 w 262936"/>
                  <a:gd name="connsiteY4" fmla="*/ 444736 h 576204"/>
                  <a:gd name="connsiteX5" fmla="*/ 262937 w 262936"/>
                  <a:gd name="connsiteY5" fmla="*/ 131469 h 576204"/>
                  <a:gd name="connsiteX6" fmla="*/ 131468 w 262936"/>
                  <a:gd name="connsiteY6" fmla="*/ 0 h 5762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2936" h="576204">
                    <a:moveTo>
                      <a:pt x="131468" y="0"/>
                    </a:moveTo>
                    <a:cubicBezTo>
                      <a:pt x="58825" y="0"/>
                      <a:pt x="0" y="58825"/>
                      <a:pt x="0" y="131469"/>
                    </a:cubicBezTo>
                    <a:lnTo>
                      <a:pt x="0" y="444736"/>
                    </a:lnTo>
                    <a:cubicBezTo>
                      <a:pt x="0" y="517380"/>
                      <a:pt x="58825" y="576205"/>
                      <a:pt x="131468" y="576205"/>
                    </a:cubicBezTo>
                    <a:cubicBezTo>
                      <a:pt x="204112" y="576205"/>
                      <a:pt x="262937" y="517380"/>
                      <a:pt x="262937" y="444736"/>
                    </a:cubicBezTo>
                    <a:lnTo>
                      <a:pt x="262937" y="131469"/>
                    </a:lnTo>
                    <a:cubicBezTo>
                      <a:pt x="262937" y="58825"/>
                      <a:pt x="204112" y="0"/>
                      <a:pt x="131468"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05" name="Freeform: Shape 1004">
                <a:extLst>
                  <a:ext uri="{FF2B5EF4-FFF2-40B4-BE49-F238E27FC236}">
                    <a16:creationId xmlns:a16="http://schemas.microsoft.com/office/drawing/2014/main" id="{65FB93D2-1039-D57C-6333-BCA18162F199}"/>
                  </a:ext>
                </a:extLst>
              </p:cNvPr>
              <p:cNvSpPr/>
              <p:nvPr/>
            </p:nvSpPr>
            <p:spPr>
              <a:xfrm>
                <a:off x="12700501" y="7052305"/>
                <a:ext cx="12677" cy="488601"/>
              </a:xfrm>
              <a:custGeom>
                <a:avLst/>
                <a:gdLst>
                  <a:gd name="connsiteX0" fmla="*/ 0 w 12677"/>
                  <a:gd name="connsiteY0" fmla="*/ 488602 h 488601"/>
                  <a:gd name="connsiteX1" fmla="*/ 0 w 12677"/>
                  <a:gd name="connsiteY1" fmla="*/ 0 h 488601"/>
                </a:gdLst>
                <a:ahLst/>
                <a:cxnLst>
                  <a:cxn ang="0">
                    <a:pos x="connsiteX0" y="connsiteY0"/>
                  </a:cxn>
                  <a:cxn ang="0">
                    <a:pos x="connsiteX1" y="connsiteY1"/>
                  </a:cxn>
                </a:cxnLst>
                <a:rect l="l" t="t" r="r" b="b"/>
                <a:pathLst>
                  <a:path w="12677" h="488601">
                    <a:moveTo>
                      <a:pt x="0" y="488602"/>
                    </a:moveTo>
                    <a:lnTo>
                      <a:pt x="0" y="0"/>
                    </a:lnTo>
                  </a:path>
                </a:pathLst>
              </a:custGeom>
              <a:ln w="12674" cap="rnd">
                <a:solidFill>
                  <a:schemeClr val="tx1"/>
                </a:solidFill>
                <a:prstDash val="solid"/>
                <a:round/>
              </a:ln>
            </p:spPr>
            <p:txBody>
              <a:bodyPr rtlCol="0" anchor="ctr"/>
              <a:lstStyle/>
              <a:p>
                <a:endParaRPr lang="es-ES" sz="1092"/>
              </a:p>
            </p:txBody>
          </p:sp>
          <p:sp>
            <p:nvSpPr>
              <p:cNvPr id="1006" name="Freeform: Shape 1005">
                <a:extLst>
                  <a:ext uri="{FF2B5EF4-FFF2-40B4-BE49-F238E27FC236}">
                    <a16:creationId xmlns:a16="http://schemas.microsoft.com/office/drawing/2014/main" id="{3685CB7B-50A9-FFCA-E36F-86A35B54FDA3}"/>
                  </a:ext>
                </a:extLst>
              </p:cNvPr>
              <p:cNvSpPr/>
              <p:nvPr/>
            </p:nvSpPr>
            <p:spPr>
              <a:xfrm>
                <a:off x="12640535" y="7122160"/>
                <a:ext cx="59965" cy="50330"/>
              </a:xfrm>
              <a:custGeom>
                <a:avLst/>
                <a:gdLst>
                  <a:gd name="connsiteX0" fmla="*/ 0 w 59965"/>
                  <a:gd name="connsiteY0" fmla="*/ 0 h 50330"/>
                  <a:gd name="connsiteX1" fmla="*/ 59966 w 59965"/>
                  <a:gd name="connsiteY1" fmla="*/ 50331 h 50330"/>
                </a:gdLst>
                <a:ahLst/>
                <a:cxnLst>
                  <a:cxn ang="0">
                    <a:pos x="connsiteX0" y="connsiteY0"/>
                  </a:cxn>
                  <a:cxn ang="0">
                    <a:pos x="connsiteX1" y="connsiteY1"/>
                  </a:cxn>
                </a:cxnLst>
                <a:rect l="l" t="t" r="r" b="b"/>
                <a:pathLst>
                  <a:path w="59965" h="50330">
                    <a:moveTo>
                      <a:pt x="0" y="0"/>
                    </a:moveTo>
                    <a:lnTo>
                      <a:pt x="59966" y="50331"/>
                    </a:lnTo>
                  </a:path>
                </a:pathLst>
              </a:custGeom>
              <a:ln w="12674" cap="rnd">
                <a:solidFill>
                  <a:schemeClr val="tx1"/>
                </a:solidFill>
                <a:prstDash val="solid"/>
                <a:round/>
              </a:ln>
            </p:spPr>
            <p:txBody>
              <a:bodyPr rtlCol="0" anchor="ctr"/>
              <a:lstStyle/>
              <a:p>
                <a:endParaRPr lang="es-ES" sz="1092"/>
              </a:p>
            </p:txBody>
          </p:sp>
          <p:sp>
            <p:nvSpPr>
              <p:cNvPr id="1007" name="Freeform: Shape 1006">
                <a:extLst>
                  <a:ext uri="{FF2B5EF4-FFF2-40B4-BE49-F238E27FC236}">
                    <a16:creationId xmlns:a16="http://schemas.microsoft.com/office/drawing/2014/main" id="{7D464BCD-07EC-93CC-A821-36700184B4DA}"/>
                  </a:ext>
                </a:extLst>
              </p:cNvPr>
              <p:cNvSpPr/>
              <p:nvPr/>
            </p:nvSpPr>
            <p:spPr>
              <a:xfrm>
                <a:off x="12700501" y="7195184"/>
                <a:ext cx="73023" cy="81137"/>
              </a:xfrm>
              <a:custGeom>
                <a:avLst/>
                <a:gdLst>
                  <a:gd name="connsiteX0" fmla="*/ 0 w 73023"/>
                  <a:gd name="connsiteY0" fmla="*/ 81138 h 81137"/>
                  <a:gd name="connsiteX1" fmla="*/ 73024 w 73023"/>
                  <a:gd name="connsiteY1" fmla="*/ 0 h 81137"/>
                </a:gdLst>
                <a:ahLst/>
                <a:cxnLst>
                  <a:cxn ang="0">
                    <a:pos x="connsiteX0" y="connsiteY0"/>
                  </a:cxn>
                  <a:cxn ang="0">
                    <a:pos x="connsiteX1" y="connsiteY1"/>
                  </a:cxn>
                </a:cxnLst>
                <a:rect l="l" t="t" r="r" b="b"/>
                <a:pathLst>
                  <a:path w="73023" h="81137">
                    <a:moveTo>
                      <a:pt x="0" y="81138"/>
                    </a:moveTo>
                    <a:lnTo>
                      <a:pt x="73024" y="0"/>
                    </a:lnTo>
                  </a:path>
                </a:pathLst>
              </a:custGeom>
              <a:ln w="12674" cap="rnd">
                <a:solidFill>
                  <a:schemeClr val="tx1"/>
                </a:solidFill>
                <a:prstDash val="solid"/>
                <a:round/>
              </a:ln>
            </p:spPr>
            <p:txBody>
              <a:bodyPr rtlCol="0" anchor="ctr"/>
              <a:lstStyle/>
              <a:p>
                <a:endParaRPr lang="es-ES" sz="1092"/>
              </a:p>
            </p:txBody>
          </p:sp>
        </p:grpSp>
        <p:grpSp>
          <p:nvGrpSpPr>
            <p:cNvPr id="1008" name="Graphic 778">
              <a:extLst>
                <a:ext uri="{FF2B5EF4-FFF2-40B4-BE49-F238E27FC236}">
                  <a16:creationId xmlns:a16="http://schemas.microsoft.com/office/drawing/2014/main" id="{6AF582DB-D80A-9906-8D30-D5C1BF7A7DF3}"/>
                </a:ext>
              </a:extLst>
            </p:cNvPr>
            <p:cNvGrpSpPr/>
            <p:nvPr/>
          </p:nvGrpSpPr>
          <p:grpSpPr>
            <a:xfrm>
              <a:off x="7853914" y="9160113"/>
              <a:ext cx="262937" cy="743424"/>
              <a:chOff x="7853914" y="9160113"/>
              <a:chExt cx="262937" cy="743424"/>
            </a:xfrm>
            <a:solidFill>
              <a:srgbClr val="FFFFFF"/>
            </a:solidFill>
          </p:grpSpPr>
          <p:sp>
            <p:nvSpPr>
              <p:cNvPr id="1009" name="Freeform: Shape 1008">
                <a:extLst>
                  <a:ext uri="{FF2B5EF4-FFF2-40B4-BE49-F238E27FC236}">
                    <a16:creationId xmlns:a16="http://schemas.microsoft.com/office/drawing/2014/main" id="{043AC8C3-FB5C-3F53-549D-6D815E6318E1}"/>
                  </a:ext>
                </a:extLst>
              </p:cNvPr>
              <p:cNvSpPr/>
              <p:nvPr/>
            </p:nvSpPr>
            <p:spPr>
              <a:xfrm>
                <a:off x="7853914" y="9160113"/>
                <a:ext cx="262937" cy="576205"/>
              </a:xfrm>
              <a:custGeom>
                <a:avLst/>
                <a:gdLst>
                  <a:gd name="connsiteX0" fmla="*/ 131469 w 262937"/>
                  <a:gd name="connsiteY0" fmla="*/ 0 h 576205"/>
                  <a:gd name="connsiteX1" fmla="*/ 0 w 262937"/>
                  <a:gd name="connsiteY1" fmla="*/ 131469 h 576205"/>
                  <a:gd name="connsiteX2" fmla="*/ 0 w 262937"/>
                  <a:gd name="connsiteY2" fmla="*/ 444737 h 576205"/>
                  <a:gd name="connsiteX3" fmla="*/ 131469 w 262937"/>
                  <a:gd name="connsiteY3" fmla="*/ 576205 h 576205"/>
                  <a:gd name="connsiteX4" fmla="*/ 262937 w 262937"/>
                  <a:gd name="connsiteY4" fmla="*/ 444737 h 576205"/>
                  <a:gd name="connsiteX5" fmla="*/ 262937 w 262937"/>
                  <a:gd name="connsiteY5" fmla="*/ 131469 h 576205"/>
                  <a:gd name="connsiteX6" fmla="*/ 131469 w 262937"/>
                  <a:gd name="connsiteY6" fmla="*/ 0 h 5762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2937" h="576205">
                    <a:moveTo>
                      <a:pt x="131469" y="0"/>
                    </a:moveTo>
                    <a:cubicBezTo>
                      <a:pt x="58825" y="0"/>
                      <a:pt x="0" y="58825"/>
                      <a:pt x="0" y="131469"/>
                    </a:cubicBezTo>
                    <a:lnTo>
                      <a:pt x="0" y="444737"/>
                    </a:lnTo>
                    <a:cubicBezTo>
                      <a:pt x="0" y="517380"/>
                      <a:pt x="58825" y="576205"/>
                      <a:pt x="131469" y="576205"/>
                    </a:cubicBezTo>
                    <a:cubicBezTo>
                      <a:pt x="204112" y="576205"/>
                      <a:pt x="262937" y="517380"/>
                      <a:pt x="262937" y="444737"/>
                    </a:cubicBezTo>
                    <a:lnTo>
                      <a:pt x="262937" y="131469"/>
                    </a:lnTo>
                    <a:cubicBezTo>
                      <a:pt x="262937" y="58825"/>
                      <a:pt x="204112" y="0"/>
                      <a:pt x="131469"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10" name="Freeform: Shape 1009">
                <a:extLst>
                  <a:ext uri="{FF2B5EF4-FFF2-40B4-BE49-F238E27FC236}">
                    <a16:creationId xmlns:a16="http://schemas.microsoft.com/office/drawing/2014/main" id="{A60FFFFF-236E-EFA0-FF81-931EB1779B23}"/>
                  </a:ext>
                </a:extLst>
              </p:cNvPr>
              <p:cNvSpPr/>
              <p:nvPr/>
            </p:nvSpPr>
            <p:spPr>
              <a:xfrm>
                <a:off x="7985383" y="9414936"/>
                <a:ext cx="12677" cy="488601"/>
              </a:xfrm>
              <a:custGeom>
                <a:avLst/>
                <a:gdLst>
                  <a:gd name="connsiteX0" fmla="*/ 0 w 12677"/>
                  <a:gd name="connsiteY0" fmla="*/ 488602 h 488601"/>
                  <a:gd name="connsiteX1" fmla="*/ 0 w 12677"/>
                  <a:gd name="connsiteY1" fmla="*/ 0 h 488601"/>
                </a:gdLst>
                <a:ahLst/>
                <a:cxnLst>
                  <a:cxn ang="0">
                    <a:pos x="connsiteX0" y="connsiteY0"/>
                  </a:cxn>
                  <a:cxn ang="0">
                    <a:pos x="connsiteX1" y="connsiteY1"/>
                  </a:cxn>
                </a:cxnLst>
                <a:rect l="l" t="t" r="r" b="b"/>
                <a:pathLst>
                  <a:path w="12677" h="488601">
                    <a:moveTo>
                      <a:pt x="0" y="488602"/>
                    </a:moveTo>
                    <a:lnTo>
                      <a:pt x="0" y="0"/>
                    </a:lnTo>
                  </a:path>
                </a:pathLst>
              </a:custGeom>
              <a:ln w="12674" cap="rnd">
                <a:solidFill>
                  <a:schemeClr val="tx1"/>
                </a:solidFill>
                <a:prstDash val="solid"/>
                <a:round/>
              </a:ln>
            </p:spPr>
            <p:txBody>
              <a:bodyPr rtlCol="0" anchor="ctr"/>
              <a:lstStyle/>
              <a:p>
                <a:endParaRPr lang="es-ES" sz="1092"/>
              </a:p>
            </p:txBody>
          </p:sp>
          <p:sp>
            <p:nvSpPr>
              <p:cNvPr id="1011" name="Freeform: Shape 1010">
                <a:extLst>
                  <a:ext uri="{FF2B5EF4-FFF2-40B4-BE49-F238E27FC236}">
                    <a16:creationId xmlns:a16="http://schemas.microsoft.com/office/drawing/2014/main" id="{E60F1297-CB82-E8A1-C131-898FA7C61F99}"/>
                  </a:ext>
                </a:extLst>
              </p:cNvPr>
              <p:cNvSpPr/>
              <p:nvPr/>
            </p:nvSpPr>
            <p:spPr>
              <a:xfrm>
                <a:off x="7925290" y="9484664"/>
                <a:ext cx="60092" cy="50330"/>
              </a:xfrm>
              <a:custGeom>
                <a:avLst/>
                <a:gdLst>
                  <a:gd name="connsiteX0" fmla="*/ 0 w 60092"/>
                  <a:gd name="connsiteY0" fmla="*/ 0 h 50330"/>
                  <a:gd name="connsiteX1" fmla="*/ 60093 w 60092"/>
                  <a:gd name="connsiteY1" fmla="*/ 50331 h 50330"/>
                </a:gdLst>
                <a:ahLst/>
                <a:cxnLst>
                  <a:cxn ang="0">
                    <a:pos x="connsiteX0" y="connsiteY0"/>
                  </a:cxn>
                  <a:cxn ang="0">
                    <a:pos x="connsiteX1" y="connsiteY1"/>
                  </a:cxn>
                </a:cxnLst>
                <a:rect l="l" t="t" r="r" b="b"/>
                <a:pathLst>
                  <a:path w="60092" h="50330">
                    <a:moveTo>
                      <a:pt x="0" y="0"/>
                    </a:moveTo>
                    <a:lnTo>
                      <a:pt x="60093" y="50331"/>
                    </a:lnTo>
                  </a:path>
                </a:pathLst>
              </a:custGeom>
              <a:ln w="12674" cap="rnd">
                <a:solidFill>
                  <a:schemeClr val="tx1"/>
                </a:solidFill>
                <a:prstDash val="solid"/>
                <a:round/>
              </a:ln>
            </p:spPr>
            <p:txBody>
              <a:bodyPr rtlCol="0" anchor="ctr"/>
              <a:lstStyle/>
              <a:p>
                <a:endParaRPr lang="es-ES" sz="1092"/>
              </a:p>
            </p:txBody>
          </p:sp>
          <p:sp>
            <p:nvSpPr>
              <p:cNvPr id="1012" name="Freeform: Shape 1011">
                <a:extLst>
                  <a:ext uri="{FF2B5EF4-FFF2-40B4-BE49-F238E27FC236}">
                    <a16:creationId xmlns:a16="http://schemas.microsoft.com/office/drawing/2014/main" id="{36D2C918-FA89-147D-736F-FFF7EB51EAF3}"/>
                  </a:ext>
                </a:extLst>
              </p:cNvPr>
              <p:cNvSpPr/>
              <p:nvPr/>
            </p:nvSpPr>
            <p:spPr>
              <a:xfrm>
                <a:off x="7985383" y="9557688"/>
                <a:ext cx="73023" cy="81264"/>
              </a:xfrm>
              <a:custGeom>
                <a:avLst/>
                <a:gdLst>
                  <a:gd name="connsiteX0" fmla="*/ 0 w 73023"/>
                  <a:gd name="connsiteY0" fmla="*/ 81264 h 81264"/>
                  <a:gd name="connsiteX1" fmla="*/ 73024 w 73023"/>
                  <a:gd name="connsiteY1" fmla="*/ 0 h 81264"/>
                </a:gdLst>
                <a:ahLst/>
                <a:cxnLst>
                  <a:cxn ang="0">
                    <a:pos x="connsiteX0" y="connsiteY0"/>
                  </a:cxn>
                  <a:cxn ang="0">
                    <a:pos x="connsiteX1" y="connsiteY1"/>
                  </a:cxn>
                </a:cxnLst>
                <a:rect l="l" t="t" r="r" b="b"/>
                <a:pathLst>
                  <a:path w="73023" h="81264">
                    <a:moveTo>
                      <a:pt x="0" y="81264"/>
                    </a:moveTo>
                    <a:lnTo>
                      <a:pt x="73024" y="0"/>
                    </a:lnTo>
                  </a:path>
                </a:pathLst>
              </a:custGeom>
              <a:ln w="12674" cap="rnd">
                <a:solidFill>
                  <a:schemeClr val="tx1"/>
                </a:solidFill>
                <a:prstDash val="solid"/>
                <a:round/>
              </a:ln>
            </p:spPr>
            <p:txBody>
              <a:bodyPr rtlCol="0" anchor="ctr"/>
              <a:lstStyle/>
              <a:p>
                <a:endParaRPr lang="es-ES" sz="1092"/>
              </a:p>
            </p:txBody>
          </p:sp>
        </p:grpSp>
        <p:grpSp>
          <p:nvGrpSpPr>
            <p:cNvPr id="1013" name="Graphic 778">
              <a:extLst>
                <a:ext uri="{FF2B5EF4-FFF2-40B4-BE49-F238E27FC236}">
                  <a16:creationId xmlns:a16="http://schemas.microsoft.com/office/drawing/2014/main" id="{DC7068B0-85E5-54A8-519D-2D01CD73C168}"/>
                </a:ext>
              </a:extLst>
            </p:cNvPr>
            <p:cNvGrpSpPr/>
            <p:nvPr/>
          </p:nvGrpSpPr>
          <p:grpSpPr>
            <a:xfrm>
              <a:off x="8277732" y="9327206"/>
              <a:ext cx="262937" cy="743424"/>
              <a:chOff x="8277732" y="9327206"/>
              <a:chExt cx="262937" cy="743424"/>
            </a:xfrm>
            <a:solidFill>
              <a:srgbClr val="FFFFFF"/>
            </a:solidFill>
          </p:grpSpPr>
          <p:sp>
            <p:nvSpPr>
              <p:cNvPr id="1014" name="Freeform: Shape 1013">
                <a:extLst>
                  <a:ext uri="{FF2B5EF4-FFF2-40B4-BE49-F238E27FC236}">
                    <a16:creationId xmlns:a16="http://schemas.microsoft.com/office/drawing/2014/main" id="{70E287AE-83EB-A1F3-03C1-6B604D02D642}"/>
                  </a:ext>
                </a:extLst>
              </p:cNvPr>
              <p:cNvSpPr/>
              <p:nvPr/>
            </p:nvSpPr>
            <p:spPr>
              <a:xfrm>
                <a:off x="8277732" y="9327206"/>
                <a:ext cx="262937" cy="576205"/>
              </a:xfrm>
              <a:custGeom>
                <a:avLst/>
                <a:gdLst>
                  <a:gd name="connsiteX0" fmla="*/ 131469 w 262937"/>
                  <a:gd name="connsiteY0" fmla="*/ 0 h 576205"/>
                  <a:gd name="connsiteX1" fmla="*/ 0 w 262937"/>
                  <a:gd name="connsiteY1" fmla="*/ 131469 h 576205"/>
                  <a:gd name="connsiteX2" fmla="*/ 0 w 262937"/>
                  <a:gd name="connsiteY2" fmla="*/ 444737 h 576205"/>
                  <a:gd name="connsiteX3" fmla="*/ 131469 w 262937"/>
                  <a:gd name="connsiteY3" fmla="*/ 576205 h 576205"/>
                  <a:gd name="connsiteX4" fmla="*/ 262937 w 262937"/>
                  <a:gd name="connsiteY4" fmla="*/ 444737 h 576205"/>
                  <a:gd name="connsiteX5" fmla="*/ 262937 w 262937"/>
                  <a:gd name="connsiteY5" fmla="*/ 131469 h 576205"/>
                  <a:gd name="connsiteX6" fmla="*/ 131469 w 262937"/>
                  <a:gd name="connsiteY6" fmla="*/ 0 h 5762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2937" h="576205">
                    <a:moveTo>
                      <a:pt x="131469" y="0"/>
                    </a:moveTo>
                    <a:cubicBezTo>
                      <a:pt x="58825" y="0"/>
                      <a:pt x="0" y="58825"/>
                      <a:pt x="0" y="131469"/>
                    </a:cubicBezTo>
                    <a:lnTo>
                      <a:pt x="0" y="444737"/>
                    </a:lnTo>
                    <a:cubicBezTo>
                      <a:pt x="0" y="517380"/>
                      <a:pt x="58825" y="576205"/>
                      <a:pt x="131469" y="576205"/>
                    </a:cubicBezTo>
                    <a:cubicBezTo>
                      <a:pt x="204112" y="576205"/>
                      <a:pt x="262937" y="517380"/>
                      <a:pt x="262937" y="444737"/>
                    </a:cubicBezTo>
                    <a:lnTo>
                      <a:pt x="262937" y="131469"/>
                    </a:lnTo>
                    <a:cubicBezTo>
                      <a:pt x="262937" y="58825"/>
                      <a:pt x="204112" y="0"/>
                      <a:pt x="131469"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15" name="Freeform: Shape 1014">
                <a:extLst>
                  <a:ext uri="{FF2B5EF4-FFF2-40B4-BE49-F238E27FC236}">
                    <a16:creationId xmlns:a16="http://schemas.microsoft.com/office/drawing/2014/main" id="{C507CD3C-40DE-3F4C-44C9-3C6F15E82043}"/>
                  </a:ext>
                </a:extLst>
              </p:cNvPr>
              <p:cNvSpPr/>
              <p:nvPr/>
            </p:nvSpPr>
            <p:spPr>
              <a:xfrm>
                <a:off x="8409201" y="9582156"/>
                <a:ext cx="12677" cy="488474"/>
              </a:xfrm>
              <a:custGeom>
                <a:avLst/>
                <a:gdLst>
                  <a:gd name="connsiteX0" fmla="*/ 0 w 12677"/>
                  <a:gd name="connsiteY0" fmla="*/ 488475 h 488474"/>
                  <a:gd name="connsiteX1" fmla="*/ 0 w 12677"/>
                  <a:gd name="connsiteY1" fmla="*/ 0 h 488474"/>
                </a:gdLst>
                <a:ahLst/>
                <a:cxnLst>
                  <a:cxn ang="0">
                    <a:pos x="connsiteX0" y="connsiteY0"/>
                  </a:cxn>
                  <a:cxn ang="0">
                    <a:pos x="connsiteX1" y="connsiteY1"/>
                  </a:cxn>
                </a:cxnLst>
                <a:rect l="l" t="t" r="r" b="b"/>
                <a:pathLst>
                  <a:path w="12677" h="488474">
                    <a:moveTo>
                      <a:pt x="0" y="488475"/>
                    </a:moveTo>
                    <a:lnTo>
                      <a:pt x="0" y="0"/>
                    </a:lnTo>
                  </a:path>
                </a:pathLst>
              </a:custGeom>
              <a:ln w="12674" cap="rnd">
                <a:solidFill>
                  <a:schemeClr val="tx1"/>
                </a:solidFill>
                <a:prstDash val="solid"/>
                <a:round/>
              </a:ln>
            </p:spPr>
            <p:txBody>
              <a:bodyPr rtlCol="0" anchor="ctr"/>
              <a:lstStyle/>
              <a:p>
                <a:endParaRPr lang="es-ES" sz="1092"/>
              </a:p>
            </p:txBody>
          </p:sp>
          <p:sp>
            <p:nvSpPr>
              <p:cNvPr id="1016" name="Freeform: Shape 1015">
                <a:extLst>
                  <a:ext uri="{FF2B5EF4-FFF2-40B4-BE49-F238E27FC236}">
                    <a16:creationId xmlns:a16="http://schemas.microsoft.com/office/drawing/2014/main" id="{864C5E03-2135-70AE-6711-75520ED007B9}"/>
                  </a:ext>
                </a:extLst>
              </p:cNvPr>
              <p:cNvSpPr/>
              <p:nvPr/>
            </p:nvSpPr>
            <p:spPr>
              <a:xfrm>
                <a:off x="8349108" y="9651884"/>
                <a:ext cx="60092" cy="50330"/>
              </a:xfrm>
              <a:custGeom>
                <a:avLst/>
                <a:gdLst>
                  <a:gd name="connsiteX0" fmla="*/ 0 w 60092"/>
                  <a:gd name="connsiteY0" fmla="*/ 0 h 50330"/>
                  <a:gd name="connsiteX1" fmla="*/ 60093 w 60092"/>
                  <a:gd name="connsiteY1" fmla="*/ 50331 h 50330"/>
                </a:gdLst>
                <a:ahLst/>
                <a:cxnLst>
                  <a:cxn ang="0">
                    <a:pos x="connsiteX0" y="connsiteY0"/>
                  </a:cxn>
                  <a:cxn ang="0">
                    <a:pos x="connsiteX1" y="connsiteY1"/>
                  </a:cxn>
                </a:cxnLst>
                <a:rect l="l" t="t" r="r" b="b"/>
                <a:pathLst>
                  <a:path w="60092" h="50330">
                    <a:moveTo>
                      <a:pt x="0" y="0"/>
                    </a:moveTo>
                    <a:lnTo>
                      <a:pt x="60093" y="50331"/>
                    </a:lnTo>
                  </a:path>
                </a:pathLst>
              </a:custGeom>
              <a:ln w="12674" cap="rnd">
                <a:solidFill>
                  <a:schemeClr val="tx1"/>
                </a:solidFill>
                <a:prstDash val="solid"/>
                <a:round/>
              </a:ln>
            </p:spPr>
            <p:txBody>
              <a:bodyPr rtlCol="0" anchor="ctr"/>
              <a:lstStyle/>
              <a:p>
                <a:endParaRPr lang="es-ES" sz="1092"/>
              </a:p>
            </p:txBody>
          </p:sp>
          <p:sp>
            <p:nvSpPr>
              <p:cNvPr id="1017" name="Freeform: Shape 1016">
                <a:extLst>
                  <a:ext uri="{FF2B5EF4-FFF2-40B4-BE49-F238E27FC236}">
                    <a16:creationId xmlns:a16="http://schemas.microsoft.com/office/drawing/2014/main" id="{F399DCD5-39BB-8ABA-F0B2-B3F9BC9C0B1B}"/>
                  </a:ext>
                </a:extLst>
              </p:cNvPr>
              <p:cNvSpPr/>
              <p:nvPr/>
            </p:nvSpPr>
            <p:spPr>
              <a:xfrm>
                <a:off x="8409201" y="9724908"/>
                <a:ext cx="73023" cy="81137"/>
              </a:xfrm>
              <a:custGeom>
                <a:avLst/>
                <a:gdLst>
                  <a:gd name="connsiteX0" fmla="*/ 0 w 73023"/>
                  <a:gd name="connsiteY0" fmla="*/ 81138 h 81137"/>
                  <a:gd name="connsiteX1" fmla="*/ 73024 w 73023"/>
                  <a:gd name="connsiteY1" fmla="*/ 0 h 81137"/>
                </a:gdLst>
                <a:ahLst/>
                <a:cxnLst>
                  <a:cxn ang="0">
                    <a:pos x="connsiteX0" y="connsiteY0"/>
                  </a:cxn>
                  <a:cxn ang="0">
                    <a:pos x="connsiteX1" y="connsiteY1"/>
                  </a:cxn>
                </a:cxnLst>
                <a:rect l="l" t="t" r="r" b="b"/>
                <a:pathLst>
                  <a:path w="73023" h="81137">
                    <a:moveTo>
                      <a:pt x="0" y="81138"/>
                    </a:moveTo>
                    <a:lnTo>
                      <a:pt x="73024" y="0"/>
                    </a:lnTo>
                  </a:path>
                </a:pathLst>
              </a:custGeom>
              <a:ln w="12674" cap="rnd">
                <a:solidFill>
                  <a:schemeClr val="tx1"/>
                </a:solidFill>
                <a:prstDash val="solid"/>
                <a:round/>
              </a:ln>
            </p:spPr>
            <p:txBody>
              <a:bodyPr rtlCol="0" anchor="ctr"/>
              <a:lstStyle/>
              <a:p>
                <a:endParaRPr lang="es-ES" sz="1092"/>
              </a:p>
            </p:txBody>
          </p:sp>
        </p:grpSp>
        <p:grpSp>
          <p:nvGrpSpPr>
            <p:cNvPr id="1018" name="Graphic 778">
              <a:extLst>
                <a:ext uri="{FF2B5EF4-FFF2-40B4-BE49-F238E27FC236}">
                  <a16:creationId xmlns:a16="http://schemas.microsoft.com/office/drawing/2014/main" id="{9328BB93-2E93-12AB-36D6-974247333D82}"/>
                </a:ext>
              </a:extLst>
            </p:cNvPr>
            <p:cNvGrpSpPr/>
            <p:nvPr/>
          </p:nvGrpSpPr>
          <p:grpSpPr>
            <a:xfrm>
              <a:off x="9535241" y="8725645"/>
              <a:ext cx="397575" cy="598391"/>
              <a:chOff x="9535241" y="8725645"/>
              <a:chExt cx="397575" cy="598391"/>
            </a:xfrm>
            <a:solidFill>
              <a:srgbClr val="FFFFFF"/>
            </a:solidFill>
          </p:grpSpPr>
          <p:sp>
            <p:nvSpPr>
              <p:cNvPr id="1019" name="Freeform: Shape 1018">
                <a:extLst>
                  <a:ext uri="{FF2B5EF4-FFF2-40B4-BE49-F238E27FC236}">
                    <a16:creationId xmlns:a16="http://schemas.microsoft.com/office/drawing/2014/main" id="{12684BEF-964E-3ACB-78A6-6EF4674470AA}"/>
                  </a:ext>
                </a:extLst>
              </p:cNvPr>
              <p:cNvSpPr/>
              <p:nvPr/>
            </p:nvSpPr>
            <p:spPr>
              <a:xfrm>
                <a:off x="9535241" y="8725645"/>
                <a:ext cx="397575" cy="397575"/>
              </a:xfrm>
              <a:custGeom>
                <a:avLst/>
                <a:gdLst>
                  <a:gd name="connsiteX0" fmla="*/ 397575 w 397575"/>
                  <a:gd name="connsiteY0" fmla="*/ 198788 h 397575"/>
                  <a:gd name="connsiteX1" fmla="*/ 198788 w 397575"/>
                  <a:gd name="connsiteY1" fmla="*/ 397575 h 397575"/>
                  <a:gd name="connsiteX2" fmla="*/ 0 w 397575"/>
                  <a:gd name="connsiteY2" fmla="*/ 198788 h 397575"/>
                  <a:gd name="connsiteX3" fmla="*/ 198788 w 397575"/>
                  <a:gd name="connsiteY3" fmla="*/ 0 h 397575"/>
                  <a:gd name="connsiteX4" fmla="*/ 397575 w 397575"/>
                  <a:gd name="connsiteY4" fmla="*/ 198788 h 3975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7575" h="397575">
                    <a:moveTo>
                      <a:pt x="397575" y="198788"/>
                    </a:moveTo>
                    <a:cubicBezTo>
                      <a:pt x="397575" y="308575"/>
                      <a:pt x="308575" y="397575"/>
                      <a:pt x="198788" y="397575"/>
                    </a:cubicBezTo>
                    <a:cubicBezTo>
                      <a:pt x="89000" y="397575"/>
                      <a:pt x="0" y="308575"/>
                      <a:pt x="0" y="198788"/>
                    </a:cubicBezTo>
                    <a:cubicBezTo>
                      <a:pt x="0" y="89000"/>
                      <a:pt x="89000" y="0"/>
                      <a:pt x="198788" y="0"/>
                    </a:cubicBezTo>
                    <a:cubicBezTo>
                      <a:pt x="308575" y="0"/>
                      <a:pt x="397575" y="89000"/>
                      <a:pt x="397575" y="198788"/>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20" name="Freeform: Shape 1019">
                <a:extLst>
                  <a:ext uri="{FF2B5EF4-FFF2-40B4-BE49-F238E27FC236}">
                    <a16:creationId xmlns:a16="http://schemas.microsoft.com/office/drawing/2014/main" id="{82BE59D6-994F-3E94-A7D9-5738208613A5}"/>
                  </a:ext>
                </a:extLst>
              </p:cNvPr>
              <p:cNvSpPr/>
              <p:nvPr/>
            </p:nvSpPr>
            <p:spPr>
              <a:xfrm>
                <a:off x="9733648" y="8867383"/>
                <a:ext cx="633" cy="456653"/>
              </a:xfrm>
              <a:custGeom>
                <a:avLst/>
                <a:gdLst>
                  <a:gd name="connsiteX0" fmla="*/ 634 w 633"/>
                  <a:gd name="connsiteY0" fmla="*/ 0 h 456653"/>
                  <a:gd name="connsiteX1" fmla="*/ 0 w 633"/>
                  <a:gd name="connsiteY1" fmla="*/ 456653 h 456653"/>
                </a:gdLst>
                <a:ahLst/>
                <a:cxnLst>
                  <a:cxn ang="0">
                    <a:pos x="connsiteX0" y="connsiteY0"/>
                  </a:cxn>
                  <a:cxn ang="0">
                    <a:pos x="connsiteX1" y="connsiteY1"/>
                  </a:cxn>
                </a:cxnLst>
                <a:rect l="l" t="t" r="r" b="b"/>
                <a:pathLst>
                  <a:path w="633" h="456653">
                    <a:moveTo>
                      <a:pt x="634" y="0"/>
                    </a:moveTo>
                    <a:lnTo>
                      <a:pt x="0" y="456653"/>
                    </a:lnTo>
                  </a:path>
                </a:pathLst>
              </a:custGeom>
              <a:ln w="12674" cap="rnd">
                <a:solidFill>
                  <a:schemeClr val="tx1"/>
                </a:solidFill>
                <a:prstDash val="solid"/>
                <a:round/>
              </a:ln>
            </p:spPr>
            <p:txBody>
              <a:bodyPr rtlCol="0" anchor="ctr"/>
              <a:lstStyle/>
              <a:p>
                <a:endParaRPr lang="es-ES" sz="1092"/>
              </a:p>
            </p:txBody>
          </p:sp>
          <p:sp>
            <p:nvSpPr>
              <p:cNvPr id="1021" name="Freeform: Shape 1020">
                <a:extLst>
                  <a:ext uri="{FF2B5EF4-FFF2-40B4-BE49-F238E27FC236}">
                    <a16:creationId xmlns:a16="http://schemas.microsoft.com/office/drawing/2014/main" id="{1B48FBD7-D17B-A12F-9784-C68185133003}"/>
                  </a:ext>
                </a:extLst>
              </p:cNvPr>
              <p:cNvSpPr/>
              <p:nvPr/>
            </p:nvSpPr>
            <p:spPr>
              <a:xfrm>
                <a:off x="9735677" y="8889822"/>
                <a:ext cx="58824" cy="58951"/>
              </a:xfrm>
              <a:custGeom>
                <a:avLst/>
                <a:gdLst>
                  <a:gd name="connsiteX0" fmla="*/ 0 w 58824"/>
                  <a:gd name="connsiteY0" fmla="*/ 58952 h 58951"/>
                  <a:gd name="connsiteX1" fmla="*/ 58825 w 58824"/>
                  <a:gd name="connsiteY1" fmla="*/ 0 h 58951"/>
                </a:gdLst>
                <a:ahLst/>
                <a:cxnLst>
                  <a:cxn ang="0">
                    <a:pos x="connsiteX0" y="connsiteY0"/>
                  </a:cxn>
                  <a:cxn ang="0">
                    <a:pos x="connsiteX1" y="connsiteY1"/>
                  </a:cxn>
                </a:cxnLst>
                <a:rect l="l" t="t" r="r" b="b"/>
                <a:pathLst>
                  <a:path w="58824" h="58951">
                    <a:moveTo>
                      <a:pt x="0" y="58952"/>
                    </a:moveTo>
                    <a:lnTo>
                      <a:pt x="58825" y="0"/>
                    </a:lnTo>
                  </a:path>
                </a:pathLst>
              </a:custGeom>
              <a:ln w="12674" cap="rnd">
                <a:solidFill>
                  <a:schemeClr val="tx1"/>
                </a:solidFill>
                <a:prstDash val="solid"/>
                <a:round/>
              </a:ln>
            </p:spPr>
            <p:txBody>
              <a:bodyPr rtlCol="0" anchor="ctr"/>
              <a:lstStyle/>
              <a:p>
                <a:endParaRPr lang="es-ES" sz="1092"/>
              </a:p>
            </p:txBody>
          </p:sp>
          <p:sp>
            <p:nvSpPr>
              <p:cNvPr id="1022" name="Freeform: Shape 1021">
                <a:extLst>
                  <a:ext uri="{FF2B5EF4-FFF2-40B4-BE49-F238E27FC236}">
                    <a16:creationId xmlns:a16="http://schemas.microsoft.com/office/drawing/2014/main" id="{FF022226-C51A-9199-FCAA-90D24CA5B36F}"/>
                  </a:ext>
                </a:extLst>
              </p:cNvPr>
              <p:cNvSpPr/>
              <p:nvPr/>
            </p:nvSpPr>
            <p:spPr>
              <a:xfrm>
                <a:off x="9673682" y="8992766"/>
                <a:ext cx="59078" cy="58951"/>
              </a:xfrm>
              <a:custGeom>
                <a:avLst/>
                <a:gdLst>
                  <a:gd name="connsiteX0" fmla="*/ 59078 w 59078"/>
                  <a:gd name="connsiteY0" fmla="*/ 58952 h 58951"/>
                  <a:gd name="connsiteX1" fmla="*/ 0 w 59078"/>
                  <a:gd name="connsiteY1" fmla="*/ 0 h 58951"/>
                </a:gdLst>
                <a:ahLst/>
                <a:cxnLst>
                  <a:cxn ang="0">
                    <a:pos x="connsiteX0" y="connsiteY0"/>
                  </a:cxn>
                  <a:cxn ang="0">
                    <a:pos x="connsiteX1" y="connsiteY1"/>
                  </a:cxn>
                </a:cxnLst>
                <a:rect l="l" t="t" r="r" b="b"/>
                <a:pathLst>
                  <a:path w="59078" h="58951">
                    <a:moveTo>
                      <a:pt x="59078" y="58952"/>
                    </a:moveTo>
                    <a:lnTo>
                      <a:pt x="0" y="0"/>
                    </a:lnTo>
                  </a:path>
                </a:pathLst>
              </a:custGeom>
              <a:ln w="12674" cap="rnd">
                <a:solidFill>
                  <a:schemeClr val="tx1"/>
                </a:solidFill>
                <a:prstDash val="solid"/>
                <a:round/>
              </a:ln>
            </p:spPr>
            <p:txBody>
              <a:bodyPr rtlCol="0" anchor="ctr"/>
              <a:lstStyle/>
              <a:p>
                <a:endParaRPr lang="es-ES" sz="1092"/>
              </a:p>
            </p:txBody>
          </p:sp>
        </p:grpSp>
        <p:grpSp>
          <p:nvGrpSpPr>
            <p:cNvPr id="1023" name="Graphic 778">
              <a:extLst>
                <a:ext uri="{FF2B5EF4-FFF2-40B4-BE49-F238E27FC236}">
                  <a16:creationId xmlns:a16="http://schemas.microsoft.com/office/drawing/2014/main" id="{44E4F7F1-B48E-3CA4-F20B-924A9572C812}"/>
                </a:ext>
              </a:extLst>
            </p:cNvPr>
            <p:cNvGrpSpPr/>
            <p:nvPr/>
          </p:nvGrpSpPr>
          <p:grpSpPr>
            <a:xfrm>
              <a:off x="9136271" y="9038913"/>
              <a:ext cx="397575" cy="598264"/>
              <a:chOff x="9136271" y="9038913"/>
              <a:chExt cx="397575" cy="598264"/>
            </a:xfrm>
            <a:solidFill>
              <a:srgbClr val="FFFFFF"/>
            </a:solidFill>
          </p:grpSpPr>
          <p:sp>
            <p:nvSpPr>
              <p:cNvPr id="1024" name="Freeform: Shape 1023">
                <a:extLst>
                  <a:ext uri="{FF2B5EF4-FFF2-40B4-BE49-F238E27FC236}">
                    <a16:creationId xmlns:a16="http://schemas.microsoft.com/office/drawing/2014/main" id="{4CAEFA9D-3767-1433-7900-831E0DF2D324}"/>
                  </a:ext>
                </a:extLst>
              </p:cNvPr>
              <p:cNvSpPr/>
              <p:nvPr/>
            </p:nvSpPr>
            <p:spPr>
              <a:xfrm>
                <a:off x="9136271" y="9038913"/>
                <a:ext cx="397575" cy="397575"/>
              </a:xfrm>
              <a:custGeom>
                <a:avLst/>
                <a:gdLst>
                  <a:gd name="connsiteX0" fmla="*/ 397575 w 397575"/>
                  <a:gd name="connsiteY0" fmla="*/ 198787 h 397575"/>
                  <a:gd name="connsiteX1" fmla="*/ 198788 w 397575"/>
                  <a:gd name="connsiteY1" fmla="*/ 397575 h 397575"/>
                  <a:gd name="connsiteX2" fmla="*/ 0 w 397575"/>
                  <a:gd name="connsiteY2" fmla="*/ 198787 h 397575"/>
                  <a:gd name="connsiteX3" fmla="*/ 198788 w 397575"/>
                  <a:gd name="connsiteY3" fmla="*/ 0 h 397575"/>
                  <a:gd name="connsiteX4" fmla="*/ 397575 w 397575"/>
                  <a:gd name="connsiteY4" fmla="*/ 198787 h 3975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7575" h="397575">
                    <a:moveTo>
                      <a:pt x="397575" y="198787"/>
                    </a:moveTo>
                    <a:cubicBezTo>
                      <a:pt x="397575" y="308575"/>
                      <a:pt x="308575" y="397575"/>
                      <a:pt x="198788" y="397575"/>
                    </a:cubicBezTo>
                    <a:cubicBezTo>
                      <a:pt x="89000" y="397575"/>
                      <a:pt x="0" y="308575"/>
                      <a:pt x="0" y="198787"/>
                    </a:cubicBezTo>
                    <a:cubicBezTo>
                      <a:pt x="0" y="89000"/>
                      <a:pt x="89000" y="0"/>
                      <a:pt x="198788" y="0"/>
                    </a:cubicBezTo>
                    <a:cubicBezTo>
                      <a:pt x="308575" y="0"/>
                      <a:pt x="397575" y="89000"/>
                      <a:pt x="397575" y="198787"/>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25" name="Freeform: Shape 1024">
                <a:extLst>
                  <a:ext uri="{FF2B5EF4-FFF2-40B4-BE49-F238E27FC236}">
                    <a16:creationId xmlns:a16="http://schemas.microsoft.com/office/drawing/2014/main" id="{1A68D0F8-2A22-AEF9-11A0-64E4E4186E9E}"/>
                  </a:ext>
                </a:extLst>
              </p:cNvPr>
              <p:cNvSpPr/>
              <p:nvPr/>
            </p:nvSpPr>
            <p:spPr>
              <a:xfrm>
                <a:off x="9334805" y="9180651"/>
                <a:ext cx="633" cy="456526"/>
              </a:xfrm>
              <a:custGeom>
                <a:avLst/>
                <a:gdLst>
                  <a:gd name="connsiteX0" fmla="*/ 634 w 633"/>
                  <a:gd name="connsiteY0" fmla="*/ 0 h 456526"/>
                  <a:gd name="connsiteX1" fmla="*/ 0 w 633"/>
                  <a:gd name="connsiteY1" fmla="*/ 456527 h 456526"/>
                </a:gdLst>
                <a:ahLst/>
                <a:cxnLst>
                  <a:cxn ang="0">
                    <a:pos x="connsiteX0" y="connsiteY0"/>
                  </a:cxn>
                  <a:cxn ang="0">
                    <a:pos x="connsiteX1" y="connsiteY1"/>
                  </a:cxn>
                </a:cxnLst>
                <a:rect l="l" t="t" r="r" b="b"/>
                <a:pathLst>
                  <a:path w="633" h="456526">
                    <a:moveTo>
                      <a:pt x="634" y="0"/>
                    </a:moveTo>
                    <a:lnTo>
                      <a:pt x="0" y="456527"/>
                    </a:lnTo>
                  </a:path>
                </a:pathLst>
              </a:custGeom>
              <a:ln w="12674" cap="rnd">
                <a:solidFill>
                  <a:schemeClr val="tx1"/>
                </a:solidFill>
                <a:prstDash val="solid"/>
                <a:round/>
              </a:ln>
            </p:spPr>
            <p:txBody>
              <a:bodyPr rtlCol="0" anchor="ctr"/>
              <a:lstStyle/>
              <a:p>
                <a:endParaRPr lang="es-ES" sz="1092"/>
              </a:p>
            </p:txBody>
          </p:sp>
          <p:sp>
            <p:nvSpPr>
              <p:cNvPr id="1026" name="Freeform: Shape 1025">
                <a:extLst>
                  <a:ext uri="{FF2B5EF4-FFF2-40B4-BE49-F238E27FC236}">
                    <a16:creationId xmlns:a16="http://schemas.microsoft.com/office/drawing/2014/main" id="{0F0419F8-7203-5CD9-D1EB-59AC6E1764C2}"/>
                  </a:ext>
                </a:extLst>
              </p:cNvPr>
              <p:cNvSpPr/>
              <p:nvPr/>
            </p:nvSpPr>
            <p:spPr>
              <a:xfrm>
                <a:off x="9336707" y="9203090"/>
                <a:ext cx="58951" cy="58951"/>
              </a:xfrm>
              <a:custGeom>
                <a:avLst/>
                <a:gdLst>
                  <a:gd name="connsiteX0" fmla="*/ 0 w 58951"/>
                  <a:gd name="connsiteY0" fmla="*/ 58952 h 58951"/>
                  <a:gd name="connsiteX1" fmla="*/ 58952 w 58951"/>
                  <a:gd name="connsiteY1" fmla="*/ 0 h 58951"/>
                </a:gdLst>
                <a:ahLst/>
                <a:cxnLst>
                  <a:cxn ang="0">
                    <a:pos x="connsiteX0" y="connsiteY0"/>
                  </a:cxn>
                  <a:cxn ang="0">
                    <a:pos x="connsiteX1" y="connsiteY1"/>
                  </a:cxn>
                </a:cxnLst>
                <a:rect l="l" t="t" r="r" b="b"/>
                <a:pathLst>
                  <a:path w="58951" h="58951">
                    <a:moveTo>
                      <a:pt x="0" y="58952"/>
                    </a:moveTo>
                    <a:lnTo>
                      <a:pt x="58952" y="0"/>
                    </a:lnTo>
                  </a:path>
                </a:pathLst>
              </a:custGeom>
              <a:ln w="12674" cap="rnd">
                <a:solidFill>
                  <a:schemeClr val="tx1"/>
                </a:solidFill>
                <a:prstDash val="solid"/>
                <a:round/>
              </a:ln>
            </p:spPr>
            <p:txBody>
              <a:bodyPr rtlCol="0" anchor="ctr"/>
              <a:lstStyle/>
              <a:p>
                <a:endParaRPr lang="es-ES" sz="1092"/>
              </a:p>
            </p:txBody>
          </p:sp>
          <p:sp>
            <p:nvSpPr>
              <p:cNvPr id="1027" name="Freeform: Shape 1026">
                <a:extLst>
                  <a:ext uri="{FF2B5EF4-FFF2-40B4-BE49-F238E27FC236}">
                    <a16:creationId xmlns:a16="http://schemas.microsoft.com/office/drawing/2014/main" id="{79881D70-B9AC-B936-4222-70583D06939D}"/>
                  </a:ext>
                </a:extLst>
              </p:cNvPr>
              <p:cNvSpPr/>
              <p:nvPr/>
            </p:nvSpPr>
            <p:spPr>
              <a:xfrm>
                <a:off x="9274839" y="9306034"/>
                <a:ext cx="58951" cy="58951"/>
              </a:xfrm>
              <a:custGeom>
                <a:avLst/>
                <a:gdLst>
                  <a:gd name="connsiteX0" fmla="*/ 58952 w 58951"/>
                  <a:gd name="connsiteY0" fmla="*/ 58952 h 58951"/>
                  <a:gd name="connsiteX1" fmla="*/ 0 w 58951"/>
                  <a:gd name="connsiteY1" fmla="*/ 0 h 58951"/>
                </a:gdLst>
                <a:ahLst/>
                <a:cxnLst>
                  <a:cxn ang="0">
                    <a:pos x="connsiteX0" y="connsiteY0"/>
                  </a:cxn>
                  <a:cxn ang="0">
                    <a:pos x="connsiteX1" y="connsiteY1"/>
                  </a:cxn>
                </a:cxnLst>
                <a:rect l="l" t="t" r="r" b="b"/>
                <a:pathLst>
                  <a:path w="58951" h="58951">
                    <a:moveTo>
                      <a:pt x="58952" y="58952"/>
                    </a:moveTo>
                    <a:lnTo>
                      <a:pt x="0" y="0"/>
                    </a:lnTo>
                  </a:path>
                </a:pathLst>
              </a:custGeom>
              <a:ln w="12674" cap="rnd">
                <a:solidFill>
                  <a:schemeClr val="tx1"/>
                </a:solidFill>
                <a:prstDash val="solid"/>
                <a:round/>
              </a:ln>
            </p:spPr>
            <p:txBody>
              <a:bodyPr rtlCol="0" anchor="ctr"/>
              <a:lstStyle/>
              <a:p>
                <a:endParaRPr lang="es-ES" sz="1092"/>
              </a:p>
            </p:txBody>
          </p:sp>
        </p:grpSp>
        <p:grpSp>
          <p:nvGrpSpPr>
            <p:cNvPr id="1028" name="Graphic 778">
              <a:extLst>
                <a:ext uri="{FF2B5EF4-FFF2-40B4-BE49-F238E27FC236}">
                  <a16:creationId xmlns:a16="http://schemas.microsoft.com/office/drawing/2014/main" id="{00BD3F29-BCE1-40AF-CC2A-3E57A21E56DD}"/>
                </a:ext>
              </a:extLst>
            </p:cNvPr>
            <p:cNvGrpSpPr/>
            <p:nvPr/>
          </p:nvGrpSpPr>
          <p:grpSpPr>
            <a:xfrm>
              <a:off x="17389123" y="8174035"/>
              <a:ext cx="397575" cy="598264"/>
              <a:chOff x="17389123" y="8174035"/>
              <a:chExt cx="397575" cy="598264"/>
            </a:xfrm>
            <a:solidFill>
              <a:srgbClr val="FFFFFF"/>
            </a:solidFill>
          </p:grpSpPr>
          <p:sp>
            <p:nvSpPr>
              <p:cNvPr id="1029" name="Freeform: Shape 1028">
                <a:extLst>
                  <a:ext uri="{FF2B5EF4-FFF2-40B4-BE49-F238E27FC236}">
                    <a16:creationId xmlns:a16="http://schemas.microsoft.com/office/drawing/2014/main" id="{3819B445-3A24-ED67-4F4E-25998E75115D}"/>
                  </a:ext>
                </a:extLst>
              </p:cNvPr>
              <p:cNvSpPr/>
              <p:nvPr/>
            </p:nvSpPr>
            <p:spPr>
              <a:xfrm>
                <a:off x="17389123" y="8174035"/>
                <a:ext cx="397575" cy="397575"/>
              </a:xfrm>
              <a:custGeom>
                <a:avLst/>
                <a:gdLst>
                  <a:gd name="connsiteX0" fmla="*/ 397575 w 397575"/>
                  <a:gd name="connsiteY0" fmla="*/ 198788 h 397575"/>
                  <a:gd name="connsiteX1" fmla="*/ 198788 w 397575"/>
                  <a:gd name="connsiteY1" fmla="*/ 397575 h 397575"/>
                  <a:gd name="connsiteX2" fmla="*/ 0 w 397575"/>
                  <a:gd name="connsiteY2" fmla="*/ 198788 h 397575"/>
                  <a:gd name="connsiteX3" fmla="*/ 198788 w 397575"/>
                  <a:gd name="connsiteY3" fmla="*/ 0 h 397575"/>
                  <a:gd name="connsiteX4" fmla="*/ 397575 w 397575"/>
                  <a:gd name="connsiteY4" fmla="*/ 198788 h 3975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7575" h="397575">
                    <a:moveTo>
                      <a:pt x="397575" y="198788"/>
                    </a:moveTo>
                    <a:cubicBezTo>
                      <a:pt x="397575" y="308575"/>
                      <a:pt x="308574" y="397575"/>
                      <a:pt x="198788" y="397575"/>
                    </a:cubicBezTo>
                    <a:cubicBezTo>
                      <a:pt x="89000" y="397575"/>
                      <a:pt x="0" y="308575"/>
                      <a:pt x="0" y="198788"/>
                    </a:cubicBezTo>
                    <a:cubicBezTo>
                      <a:pt x="0" y="89000"/>
                      <a:pt x="89001" y="0"/>
                      <a:pt x="198788" y="0"/>
                    </a:cubicBezTo>
                    <a:cubicBezTo>
                      <a:pt x="308575" y="0"/>
                      <a:pt x="397575" y="89000"/>
                      <a:pt x="397575" y="198788"/>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30" name="Freeform: Shape 1029">
                <a:extLst>
                  <a:ext uri="{FF2B5EF4-FFF2-40B4-BE49-F238E27FC236}">
                    <a16:creationId xmlns:a16="http://schemas.microsoft.com/office/drawing/2014/main" id="{00D830D7-0724-F539-8E0D-8F466E5B3467}"/>
                  </a:ext>
                </a:extLst>
              </p:cNvPr>
              <p:cNvSpPr/>
              <p:nvPr/>
            </p:nvSpPr>
            <p:spPr>
              <a:xfrm>
                <a:off x="17587656" y="8315646"/>
                <a:ext cx="507" cy="456653"/>
              </a:xfrm>
              <a:custGeom>
                <a:avLst/>
                <a:gdLst>
                  <a:gd name="connsiteX0" fmla="*/ 507 w 507"/>
                  <a:gd name="connsiteY0" fmla="*/ 0 h 456653"/>
                  <a:gd name="connsiteX1" fmla="*/ 0 w 507"/>
                  <a:gd name="connsiteY1" fmla="*/ 456654 h 456653"/>
                </a:gdLst>
                <a:ahLst/>
                <a:cxnLst>
                  <a:cxn ang="0">
                    <a:pos x="connsiteX0" y="connsiteY0"/>
                  </a:cxn>
                  <a:cxn ang="0">
                    <a:pos x="connsiteX1" y="connsiteY1"/>
                  </a:cxn>
                </a:cxnLst>
                <a:rect l="l" t="t" r="r" b="b"/>
                <a:pathLst>
                  <a:path w="507" h="456653">
                    <a:moveTo>
                      <a:pt x="507" y="0"/>
                    </a:moveTo>
                    <a:lnTo>
                      <a:pt x="0" y="456654"/>
                    </a:lnTo>
                  </a:path>
                </a:pathLst>
              </a:custGeom>
              <a:ln w="12674" cap="rnd">
                <a:solidFill>
                  <a:schemeClr val="tx1"/>
                </a:solidFill>
                <a:prstDash val="solid"/>
                <a:round/>
              </a:ln>
            </p:spPr>
            <p:txBody>
              <a:bodyPr rtlCol="0" anchor="ctr"/>
              <a:lstStyle/>
              <a:p>
                <a:endParaRPr lang="es-ES" sz="1092"/>
              </a:p>
            </p:txBody>
          </p:sp>
          <p:sp>
            <p:nvSpPr>
              <p:cNvPr id="1031" name="Freeform: Shape 1030">
                <a:extLst>
                  <a:ext uri="{FF2B5EF4-FFF2-40B4-BE49-F238E27FC236}">
                    <a16:creationId xmlns:a16="http://schemas.microsoft.com/office/drawing/2014/main" id="{1CDEC994-A379-A10C-DB64-2CC60658F35E}"/>
                  </a:ext>
                </a:extLst>
              </p:cNvPr>
              <p:cNvSpPr/>
              <p:nvPr/>
            </p:nvSpPr>
            <p:spPr>
              <a:xfrm>
                <a:off x="17589558" y="8338212"/>
                <a:ext cx="58824" cy="58824"/>
              </a:xfrm>
              <a:custGeom>
                <a:avLst/>
                <a:gdLst>
                  <a:gd name="connsiteX0" fmla="*/ 0 w 58824"/>
                  <a:gd name="connsiteY0" fmla="*/ 58825 h 58824"/>
                  <a:gd name="connsiteX1" fmla="*/ 58825 w 58824"/>
                  <a:gd name="connsiteY1" fmla="*/ 0 h 58824"/>
                </a:gdLst>
                <a:ahLst/>
                <a:cxnLst>
                  <a:cxn ang="0">
                    <a:pos x="connsiteX0" y="connsiteY0"/>
                  </a:cxn>
                  <a:cxn ang="0">
                    <a:pos x="connsiteX1" y="connsiteY1"/>
                  </a:cxn>
                </a:cxnLst>
                <a:rect l="l" t="t" r="r" b="b"/>
                <a:pathLst>
                  <a:path w="58824" h="58824">
                    <a:moveTo>
                      <a:pt x="0" y="58825"/>
                    </a:moveTo>
                    <a:lnTo>
                      <a:pt x="58825" y="0"/>
                    </a:lnTo>
                  </a:path>
                </a:pathLst>
              </a:custGeom>
              <a:ln w="12674" cap="rnd">
                <a:solidFill>
                  <a:schemeClr val="tx1"/>
                </a:solidFill>
                <a:prstDash val="solid"/>
                <a:round/>
              </a:ln>
            </p:spPr>
            <p:txBody>
              <a:bodyPr rtlCol="0" anchor="ctr"/>
              <a:lstStyle/>
              <a:p>
                <a:endParaRPr lang="es-ES" sz="1092"/>
              </a:p>
            </p:txBody>
          </p:sp>
          <p:sp>
            <p:nvSpPr>
              <p:cNvPr id="1032" name="Freeform: Shape 1031">
                <a:extLst>
                  <a:ext uri="{FF2B5EF4-FFF2-40B4-BE49-F238E27FC236}">
                    <a16:creationId xmlns:a16="http://schemas.microsoft.com/office/drawing/2014/main" id="{F497197F-8088-2A3E-7536-59C78551771C}"/>
                  </a:ext>
                </a:extLst>
              </p:cNvPr>
              <p:cNvSpPr/>
              <p:nvPr/>
            </p:nvSpPr>
            <p:spPr>
              <a:xfrm>
                <a:off x="17527564" y="8441029"/>
                <a:ext cx="59078" cy="59078"/>
              </a:xfrm>
              <a:custGeom>
                <a:avLst/>
                <a:gdLst>
                  <a:gd name="connsiteX0" fmla="*/ 59079 w 59078"/>
                  <a:gd name="connsiteY0" fmla="*/ 59078 h 59078"/>
                  <a:gd name="connsiteX1" fmla="*/ 0 w 59078"/>
                  <a:gd name="connsiteY1" fmla="*/ 0 h 59078"/>
                </a:gdLst>
                <a:ahLst/>
                <a:cxnLst>
                  <a:cxn ang="0">
                    <a:pos x="connsiteX0" y="connsiteY0"/>
                  </a:cxn>
                  <a:cxn ang="0">
                    <a:pos x="connsiteX1" y="connsiteY1"/>
                  </a:cxn>
                </a:cxnLst>
                <a:rect l="l" t="t" r="r" b="b"/>
                <a:pathLst>
                  <a:path w="59078" h="59078">
                    <a:moveTo>
                      <a:pt x="59079" y="59078"/>
                    </a:moveTo>
                    <a:lnTo>
                      <a:pt x="0" y="0"/>
                    </a:lnTo>
                  </a:path>
                </a:pathLst>
              </a:custGeom>
              <a:ln w="12674" cap="rnd">
                <a:solidFill>
                  <a:schemeClr val="tx1"/>
                </a:solidFill>
                <a:prstDash val="solid"/>
                <a:round/>
              </a:ln>
            </p:spPr>
            <p:txBody>
              <a:bodyPr rtlCol="0" anchor="ctr"/>
              <a:lstStyle/>
              <a:p>
                <a:endParaRPr lang="es-ES" sz="1092"/>
              </a:p>
            </p:txBody>
          </p:sp>
        </p:grpSp>
        <p:grpSp>
          <p:nvGrpSpPr>
            <p:cNvPr id="1033" name="Graphic 778">
              <a:extLst>
                <a:ext uri="{FF2B5EF4-FFF2-40B4-BE49-F238E27FC236}">
                  <a16:creationId xmlns:a16="http://schemas.microsoft.com/office/drawing/2014/main" id="{43CA2010-D647-6742-139E-260D1A7C62A0}"/>
                </a:ext>
              </a:extLst>
            </p:cNvPr>
            <p:cNvGrpSpPr/>
            <p:nvPr/>
          </p:nvGrpSpPr>
          <p:grpSpPr>
            <a:xfrm>
              <a:off x="17979780" y="7882826"/>
              <a:ext cx="397575" cy="598391"/>
              <a:chOff x="17979780" y="7882826"/>
              <a:chExt cx="397575" cy="598391"/>
            </a:xfrm>
            <a:solidFill>
              <a:srgbClr val="FFFFFF"/>
            </a:solidFill>
          </p:grpSpPr>
          <p:sp>
            <p:nvSpPr>
              <p:cNvPr id="1034" name="Freeform: Shape 1033">
                <a:extLst>
                  <a:ext uri="{FF2B5EF4-FFF2-40B4-BE49-F238E27FC236}">
                    <a16:creationId xmlns:a16="http://schemas.microsoft.com/office/drawing/2014/main" id="{A5FAA03D-72E2-7545-73D5-765A8814B476}"/>
                  </a:ext>
                </a:extLst>
              </p:cNvPr>
              <p:cNvSpPr/>
              <p:nvPr/>
            </p:nvSpPr>
            <p:spPr>
              <a:xfrm>
                <a:off x="17979780" y="7882826"/>
                <a:ext cx="397575" cy="397575"/>
              </a:xfrm>
              <a:custGeom>
                <a:avLst/>
                <a:gdLst>
                  <a:gd name="connsiteX0" fmla="*/ 397575 w 397575"/>
                  <a:gd name="connsiteY0" fmla="*/ 198788 h 397575"/>
                  <a:gd name="connsiteX1" fmla="*/ 198788 w 397575"/>
                  <a:gd name="connsiteY1" fmla="*/ 397575 h 397575"/>
                  <a:gd name="connsiteX2" fmla="*/ 0 w 397575"/>
                  <a:gd name="connsiteY2" fmla="*/ 198788 h 397575"/>
                  <a:gd name="connsiteX3" fmla="*/ 198788 w 397575"/>
                  <a:gd name="connsiteY3" fmla="*/ 0 h 397575"/>
                  <a:gd name="connsiteX4" fmla="*/ 397575 w 397575"/>
                  <a:gd name="connsiteY4" fmla="*/ 198788 h 3975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7575" h="397575">
                    <a:moveTo>
                      <a:pt x="397575" y="198788"/>
                    </a:moveTo>
                    <a:cubicBezTo>
                      <a:pt x="397575" y="308575"/>
                      <a:pt x="308575" y="397575"/>
                      <a:pt x="198788" y="397575"/>
                    </a:cubicBezTo>
                    <a:cubicBezTo>
                      <a:pt x="89000" y="397575"/>
                      <a:pt x="0" y="308575"/>
                      <a:pt x="0" y="198788"/>
                    </a:cubicBezTo>
                    <a:cubicBezTo>
                      <a:pt x="0" y="89000"/>
                      <a:pt x="89001" y="0"/>
                      <a:pt x="198788" y="0"/>
                    </a:cubicBezTo>
                    <a:cubicBezTo>
                      <a:pt x="308576" y="0"/>
                      <a:pt x="397575" y="89000"/>
                      <a:pt x="397575" y="198788"/>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35" name="Freeform: Shape 1034">
                <a:extLst>
                  <a:ext uri="{FF2B5EF4-FFF2-40B4-BE49-F238E27FC236}">
                    <a16:creationId xmlns:a16="http://schemas.microsoft.com/office/drawing/2014/main" id="{CF3043D1-9E8A-0C48-12B6-BD885EF4A05F}"/>
                  </a:ext>
                </a:extLst>
              </p:cNvPr>
              <p:cNvSpPr/>
              <p:nvPr/>
            </p:nvSpPr>
            <p:spPr>
              <a:xfrm>
                <a:off x="18178314" y="8024564"/>
                <a:ext cx="507" cy="456653"/>
              </a:xfrm>
              <a:custGeom>
                <a:avLst/>
                <a:gdLst>
                  <a:gd name="connsiteX0" fmla="*/ 507 w 507"/>
                  <a:gd name="connsiteY0" fmla="*/ 0 h 456653"/>
                  <a:gd name="connsiteX1" fmla="*/ 0 w 507"/>
                  <a:gd name="connsiteY1" fmla="*/ 456654 h 456653"/>
                </a:gdLst>
                <a:ahLst/>
                <a:cxnLst>
                  <a:cxn ang="0">
                    <a:pos x="connsiteX0" y="connsiteY0"/>
                  </a:cxn>
                  <a:cxn ang="0">
                    <a:pos x="connsiteX1" y="connsiteY1"/>
                  </a:cxn>
                </a:cxnLst>
                <a:rect l="l" t="t" r="r" b="b"/>
                <a:pathLst>
                  <a:path w="507" h="456653">
                    <a:moveTo>
                      <a:pt x="507" y="0"/>
                    </a:moveTo>
                    <a:lnTo>
                      <a:pt x="0" y="456654"/>
                    </a:lnTo>
                  </a:path>
                </a:pathLst>
              </a:custGeom>
              <a:ln w="12674" cap="rnd">
                <a:solidFill>
                  <a:schemeClr val="tx1"/>
                </a:solidFill>
                <a:prstDash val="solid"/>
                <a:round/>
              </a:ln>
            </p:spPr>
            <p:txBody>
              <a:bodyPr rtlCol="0" anchor="ctr"/>
              <a:lstStyle/>
              <a:p>
                <a:endParaRPr lang="es-ES" sz="1092"/>
              </a:p>
            </p:txBody>
          </p:sp>
          <p:sp>
            <p:nvSpPr>
              <p:cNvPr id="1036" name="Freeform: Shape 1035">
                <a:extLst>
                  <a:ext uri="{FF2B5EF4-FFF2-40B4-BE49-F238E27FC236}">
                    <a16:creationId xmlns:a16="http://schemas.microsoft.com/office/drawing/2014/main" id="{7F7AD7DB-96DB-2078-7BF9-70F5EA54BC9B}"/>
                  </a:ext>
                </a:extLst>
              </p:cNvPr>
              <p:cNvSpPr/>
              <p:nvPr/>
            </p:nvSpPr>
            <p:spPr>
              <a:xfrm>
                <a:off x="18180216" y="8047004"/>
                <a:ext cx="58824" cy="58951"/>
              </a:xfrm>
              <a:custGeom>
                <a:avLst/>
                <a:gdLst>
                  <a:gd name="connsiteX0" fmla="*/ 0 w 58824"/>
                  <a:gd name="connsiteY0" fmla="*/ 58952 h 58951"/>
                  <a:gd name="connsiteX1" fmla="*/ 58825 w 58824"/>
                  <a:gd name="connsiteY1" fmla="*/ 0 h 58951"/>
                </a:gdLst>
                <a:ahLst/>
                <a:cxnLst>
                  <a:cxn ang="0">
                    <a:pos x="connsiteX0" y="connsiteY0"/>
                  </a:cxn>
                  <a:cxn ang="0">
                    <a:pos x="connsiteX1" y="connsiteY1"/>
                  </a:cxn>
                </a:cxnLst>
                <a:rect l="l" t="t" r="r" b="b"/>
                <a:pathLst>
                  <a:path w="58824" h="58951">
                    <a:moveTo>
                      <a:pt x="0" y="58952"/>
                    </a:moveTo>
                    <a:lnTo>
                      <a:pt x="58825" y="0"/>
                    </a:lnTo>
                  </a:path>
                </a:pathLst>
              </a:custGeom>
              <a:ln w="12674" cap="rnd">
                <a:solidFill>
                  <a:schemeClr val="tx1"/>
                </a:solidFill>
                <a:prstDash val="solid"/>
                <a:round/>
              </a:ln>
            </p:spPr>
            <p:txBody>
              <a:bodyPr rtlCol="0" anchor="ctr"/>
              <a:lstStyle/>
              <a:p>
                <a:endParaRPr lang="es-ES" sz="1092"/>
              </a:p>
            </p:txBody>
          </p:sp>
          <p:sp>
            <p:nvSpPr>
              <p:cNvPr id="1037" name="Freeform: Shape 1036">
                <a:extLst>
                  <a:ext uri="{FF2B5EF4-FFF2-40B4-BE49-F238E27FC236}">
                    <a16:creationId xmlns:a16="http://schemas.microsoft.com/office/drawing/2014/main" id="{5A5F8DB6-8F28-7428-1777-37208CAE27CF}"/>
                  </a:ext>
                </a:extLst>
              </p:cNvPr>
              <p:cNvSpPr/>
              <p:nvPr/>
            </p:nvSpPr>
            <p:spPr>
              <a:xfrm>
                <a:off x="18118221" y="8149947"/>
                <a:ext cx="59078" cy="58951"/>
              </a:xfrm>
              <a:custGeom>
                <a:avLst/>
                <a:gdLst>
                  <a:gd name="connsiteX0" fmla="*/ 59078 w 59078"/>
                  <a:gd name="connsiteY0" fmla="*/ 58952 h 58951"/>
                  <a:gd name="connsiteX1" fmla="*/ 0 w 59078"/>
                  <a:gd name="connsiteY1" fmla="*/ 0 h 58951"/>
                </a:gdLst>
                <a:ahLst/>
                <a:cxnLst>
                  <a:cxn ang="0">
                    <a:pos x="connsiteX0" y="connsiteY0"/>
                  </a:cxn>
                  <a:cxn ang="0">
                    <a:pos x="connsiteX1" y="connsiteY1"/>
                  </a:cxn>
                </a:cxnLst>
                <a:rect l="l" t="t" r="r" b="b"/>
                <a:pathLst>
                  <a:path w="59078" h="58951">
                    <a:moveTo>
                      <a:pt x="59078" y="58952"/>
                    </a:moveTo>
                    <a:lnTo>
                      <a:pt x="0" y="0"/>
                    </a:lnTo>
                  </a:path>
                </a:pathLst>
              </a:custGeom>
              <a:ln w="12674" cap="rnd">
                <a:solidFill>
                  <a:schemeClr val="tx1"/>
                </a:solidFill>
                <a:prstDash val="solid"/>
                <a:round/>
              </a:ln>
            </p:spPr>
            <p:txBody>
              <a:bodyPr rtlCol="0" anchor="ctr"/>
              <a:lstStyle/>
              <a:p>
                <a:endParaRPr lang="es-ES" sz="1092"/>
              </a:p>
            </p:txBody>
          </p:sp>
        </p:grpSp>
        <p:grpSp>
          <p:nvGrpSpPr>
            <p:cNvPr id="1038" name="Graphic 778">
              <a:extLst>
                <a:ext uri="{FF2B5EF4-FFF2-40B4-BE49-F238E27FC236}">
                  <a16:creationId xmlns:a16="http://schemas.microsoft.com/office/drawing/2014/main" id="{015CDE5F-683A-CEB2-7EBE-C615939BEF60}"/>
                </a:ext>
              </a:extLst>
            </p:cNvPr>
            <p:cNvGrpSpPr/>
            <p:nvPr/>
          </p:nvGrpSpPr>
          <p:grpSpPr>
            <a:xfrm>
              <a:off x="18582481" y="9047407"/>
              <a:ext cx="397575" cy="598391"/>
              <a:chOff x="18582481" y="9047407"/>
              <a:chExt cx="397575" cy="598391"/>
            </a:xfrm>
            <a:solidFill>
              <a:srgbClr val="FFFFFF"/>
            </a:solidFill>
          </p:grpSpPr>
          <p:sp>
            <p:nvSpPr>
              <p:cNvPr id="1039" name="Freeform: Shape 1038">
                <a:extLst>
                  <a:ext uri="{FF2B5EF4-FFF2-40B4-BE49-F238E27FC236}">
                    <a16:creationId xmlns:a16="http://schemas.microsoft.com/office/drawing/2014/main" id="{2530E345-7A92-89D4-2554-7DFCACFA3C1D}"/>
                  </a:ext>
                </a:extLst>
              </p:cNvPr>
              <p:cNvSpPr/>
              <p:nvPr/>
            </p:nvSpPr>
            <p:spPr>
              <a:xfrm>
                <a:off x="18582481" y="9047407"/>
                <a:ext cx="397575" cy="397575"/>
              </a:xfrm>
              <a:custGeom>
                <a:avLst/>
                <a:gdLst>
                  <a:gd name="connsiteX0" fmla="*/ 397575 w 397575"/>
                  <a:gd name="connsiteY0" fmla="*/ 198788 h 397575"/>
                  <a:gd name="connsiteX1" fmla="*/ 198788 w 397575"/>
                  <a:gd name="connsiteY1" fmla="*/ 397575 h 397575"/>
                  <a:gd name="connsiteX2" fmla="*/ 0 w 397575"/>
                  <a:gd name="connsiteY2" fmla="*/ 198788 h 397575"/>
                  <a:gd name="connsiteX3" fmla="*/ 198788 w 397575"/>
                  <a:gd name="connsiteY3" fmla="*/ 0 h 397575"/>
                  <a:gd name="connsiteX4" fmla="*/ 397575 w 397575"/>
                  <a:gd name="connsiteY4" fmla="*/ 198788 h 3975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7575" h="397575">
                    <a:moveTo>
                      <a:pt x="397575" y="198788"/>
                    </a:moveTo>
                    <a:cubicBezTo>
                      <a:pt x="397575" y="308575"/>
                      <a:pt x="308574" y="397575"/>
                      <a:pt x="198788" y="397575"/>
                    </a:cubicBezTo>
                    <a:cubicBezTo>
                      <a:pt x="89000" y="397575"/>
                      <a:pt x="0" y="308575"/>
                      <a:pt x="0" y="198788"/>
                    </a:cubicBezTo>
                    <a:cubicBezTo>
                      <a:pt x="0" y="89000"/>
                      <a:pt x="89001" y="0"/>
                      <a:pt x="198788" y="0"/>
                    </a:cubicBezTo>
                    <a:cubicBezTo>
                      <a:pt x="308575" y="0"/>
                      <a:pt x="397575" y="89000"/>
                      <a:pt x="397575" y="198788"/>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40" name="Freeform: Shape 1039">
                <a:extLst>
                  <a:ext uri="{FF2B5EF4-FFF2-40B4-BE49-F238E27FC236}">
                    <a16:creationId xmlns:a16="http://schemas.microsoft.com/office/drawing/2014/main" id="{2D9C071E-D6A1-401B-B770-86643A469FBB}"/>
                  </a:ext>
                </a:extLst>
              </p:cNvPr>
              <p:cNvSpPr/>
              <p:nvPr/>
            </p:nvSpPr>
            <p:spPr>
              <a:xfrm>
                <a:off x="18781015" y="9189145"/>
                <a:ext cx="633" cy="456653"/>
              </a:xfrm>
              <a:custGeom>
                <a:avLst/>
                <a:gdLst>
                  <a:gd name="connsiteX0" fmla="*/ 634 w 633"/>
                  <a:gd name="connsiteY0" fmla="*/ 0 h 456653"/>
                  <a:gd name="connsiteX1" fmla="*/ 0 w 633"/>
                  <a:gd name="connsiteY1" fmla="*/ 456654 h 456653"/>
                </a:gdLst>
                <a:ahLst/>
                <a:cxnLst>
                  <a:cxn ang="0">
                    <a:pos x="connsiteX0" y="connsiteY0"/>
                  </a:cxn>
                  <a:cxn ang="0">
                    <a:pos x="connsiteX1" y="connsiteY1"/>
                  </a:cxn>
                </a:cxnLst>
                <a:rect l="l" t="t" r="r" b="b"/>
                <a:pathLst>
                  <a:path w="633" h="456653">
                    <a:moveTo>
                      <a:pt x="634" y="0"/>
                    </a:moveTo>
                    <a:lnTo>
                      <a:pt x="0" y="456654"/>
                    </a:lnTo>
                  </a:path>
                </a:pathLst>
              </a:custGeom>
              <a:ln w="12674" cap="rnd">
                <a:solidFill>
                  <a:schemeClr val="tx1"/>
                </a:solidFill>
                <a:prstDash val="solid"/>
                <a:round/>
              </a:ln>
            </p:spPr>
            <p:txBody>
              <a:bodyPr rtlCol="0" anchor="ctr"/>
              <a:lstStyle/>
              <a:p>
                <a:endParaRPr lang="es-ES" sz="1092"/>
              </a:p>
            </p:txBody>
          </p:sp>
          <p:sp>
            <p:nvSpPr>
              <p:cNvPr id="1041" name="Freeform: Shape 1040">
                <a:extLst>
                  <a:ext uri="{FF2B5EF4-FFF2-40B4-BE49-F238E27FC236}">
                    <a16:creationId xmlns:a16="http://schemas.microsoft.com/office/drawing/2014/main" id="{2A72B9E7-0BA4-34AA-7421-12EE109E87F5}"/>
                  </a:ext>
                </a:extLst>
              </p:cNvPr>
              <p:cNvSpPr/>
              <p:nvPr/>
            </p:nvSpPr>
            <p:spPr>
              <a:xfrm>
                <a:off x="18782917" y="9211711"/>
                <a:ext cx="58951" cy="58824"/>
              </a:xfrm>
              <a:custGeom>
                <a:avLst/>
                <a:gdLst>
                  <a:gd name="connsiteX0" fmla="*/ 0 w 58951"/>
                  <a:gd name="connsiteY0" fmla="*/ 58825 h 58824"/>
                  <a:gd name="connsiteX1" fmla="*/ 58951 w 58951"/>
                  <a:gd name="connsiteY1" fmla="*/ 0 h 58824"/>
                </a:gdLst>
                <a:ahLst/>
                <a:cxnLst>
                  <a:cxn ang="0">
                    <a:pos x="connsiteX0" y="connsiteY0"/>
                  </a:cxn>
                  <a:cxn ang="0">
                    <a:pos x="connsiteX1" y="connsiteY1"/>
                  </a:cxn>
                </a:cxnLst>
                <a:rect l="l" t="t" r="r" b="b"/>
                <a:pathLst>
                  <a:path w="58951" h="58824">
                    <a:moveTo>
                      <a:pt x="0" y="58825"/>
                    </a:moveTo>
                    <a:lnTo>
                      <a:pt x="58951" y="0"/>
                    </a:lnTo>
                  </a:path>
                </a:pathLst>
              </a:custGeom>
              <a:ln w="12674" cap="rnd">
                <a:solidFill>
                  <a:schemeClr val="tx1"/>
                </a:solidFill>
                <a:prstDash val="solid"/>
                <a:round/>
              </a:ln>
            </p:spPr>
            <p:txBody>
              <a:bodyPr rtlCol="0" anchor="ctr"/>
              <a:lstStyle/>
              <a:p>
                <a:endParaRPr lang="es-ES" sz="1092"/>
              </a:p>
            </p:txBody>
          </p:sp>
          <p:sp>
            <p:nvSpPr>
              <p:cNvPr id="1042" name="Freeform: Shape 1041">
                <a:extLst>
                  <a:ext uri="{FF2B5EF4-FFF2-40B4-BE49-F238E27FC236}">
                    <a16:creationId xmlns:a16="http://schemas.microsoft.com/office/drawing/2014/main" id="{4EA95C83-ED52-93FC-657B-EA21E5070216}"/>
                  </a:ext>
                </a:extLst>
              </p:cNvPr>
              <p:cNvSpPr/>
              <p:nvPr/>
            </p:nvSpPr>
            <p:spPr>
              <a:xfrm>
                <a:off x="18721050" y="9314528"/>
                <a:ext cx="58951" cy="59078"/>
              </a:xfrm>
              <a:custGeom>
                <a:avLst/>
                <a:gdLst>
                  <a:gd name="connsiteX0" fmla="*/ 58952 w 58951"/>
                  <a:gd name="connsiteY0" fmla="*/ 59078 h 59078"/>
                  <a:gd name="connsiteX1" fmla="*/ 0 w 58951"/>
                  <a:gd name="connsiteY1" fmla="*/ 0 h 59078"/>
                </a:gdLst>
                <a:ahLst/>
                <a:cxnLst>
                  <a:cxn ang="0">
                    <a:pos x="connsiteX0" y="connsiteY0"/>
                  </a:cxn>
                  <a:cxn ang="0">
                    <a:pos x="connsiteX1" y="connsiteY1"/>
                  </a:cxn>
                </a:cxnLst>
                <a:rect l="l" t="t" r="r" b="b"/>
                <a:pathLst>
                  <a:path w="58951" h="59078">
                    <a:moveTo>
                      <a:pt x="58952" y="59078"/>
                    </a:moveTo>
                    <a:lnTo>
                      <a:pt x="0" y="0"/>
                    </a:lnTo>
                  </a:path>
                </a:pathLst>
              </a:custGeom>
              <a:ln w="12674" cap="rnd">
                <a:solidFill>
                  <a:schemeClr val="tx1"/>
                </a:solidFill>
                <a:prstDash val="solid"/>
                <a:round/>
              </a:ln>
            </p:spPr>
            <p:txBody>
              <a:bodyPr rtlCol="0" anchor="ctr"/>
              <a:lstStyle/>
              <a:p>
                <a:endParaRPr lang="es-ES" sz="1092"/>
              </a:p>
            </p:txBody>
          </p:sp>
        </p:grpSp>
        <p:grpSp>
          <p:nvGrpSpPr>
            <p:cNvPr id="1043" name="Graphic 778">
              <a:extLst>
                <a:ext uri="{FF2B5EF4-FFF2-40B4-BE49-F238E27FC236}">
                  <a16:creationId xmlns:a16="http://schemas.microsoft.com/office/drawing/2014/main" id="{AEC55680-731E-4488-1E20-F993EB07CDC4}"/>
                </a:ext>
              </a:extLst>
            </p:cNvPr>
            <p:cNvGrpSpPr/>
            <p:nvPr/>
          </p:nvGrpSpPr>
          <p:grpSpPr>
            <a:xfrm>
              <a:off x="8819337" y="6597588"/>
              <a:ext cx="746092" cy="1079732"/>
              <a:chOff x="8819337" y="6597588"/>
              <a:chExt cx="746092" cy="1079732"/>
            </a:xfrm>
          </p:grpSpPr>
          <p:sp>
            <p:nvSpPr>
              <p:cNvPr id="1044" name="Freeform: Shape 1043">
                <a:extLst>
                  <a:ext uri="{FF2B5EF4-FFF2-40B4-BE49-F238E27FC236}">
                    <a16:creationId xmlns:a16="http://schemas.microsoft.com/office/drawing/2014/main" id="{9C554B16-4CBC-91A3-B588-07537A0F5C38}"/>
                  </a:ext>
                </a:extLst>
              </p:cNvPr>
              <p:cNvSpPr/>
              <p:nvPr/>
            </p:nvSpPr>
            <p:spPr>
              <a:xfrm>
                <a:off x="9200041" y="7104031"/>
                <a:ext cx="12677" cy="486699"/>
              </a:xfrm>
              <a:custGeom>
                <a:avLst/>
                <a:gdLst>
                  <a:gd name="connsiteX0" fmla="*/ 0 w 12677"/>
                  <a:gd name="connsiteY0" fmla="*/ 0 h 486699"/>
                  <a:gd name="connsiteX1" fmla="*/ 0 w 12677"/>
                  <a:gd name="connsiteY1" fmla="*/ 486700 h 486699"/>
                </a:gdLst>
                <a:ahLst/>
                <a:cxnLst>
                  <a:cxn ang="0">
                    <a:pos x="connsiteX0" y="connsiteY0"/>
                  </a:cxn>
                  <a:cxn ang="0">
                    <a:pos x="connsiteX1" y="connsiteY1"/>
                  </a:cxn>
                </a:cxnLst>
                <a:rect l="l" t="t" r="r" b="b"/>
                <a:pathLst>
                  <a:path w="12677" h="486699">
                    <a:moveTo>
                      <a:pt x="0" y="0"/>
                    </a:moveTo>
                    <a:lnTo>
                      <a:pt x="0" y="486700"/>
                    </a:lnTo>
                  </a:path>
                </a:pathLst>
              </a:custGeom>
              <a:ln w="12674" cap="rnd">
                <a:solidFill>
                  <a:schemeClr val="tx1"/>
                </a:solidFill>
                <a:prstDash val="solid"/>
                <a:round/>
              </a:ln>
            </p:spPr>
            <p:txBody>
              <a:bodyPr rtlCol="0" anchor="ctr"/>
              <a:lstStyle/>
              <a:p>
                <a:endParaRPr lang="es-ES" sz="1092"/>
              </a:p>
            </p:txBody>
          </p:sp>
          <p:sp>
            <p:nvSpPr>
              <p:cNvPr id="1045" name="Freeform: Shape 1044">
                <a:extLst>
                  <a:ext uri="{FF2B5EF4-FFF2-40B4-BE49-F238E27FC236}">
                    <a16:creationId xmlns:a16="http://schemas.microsoft.com/office/drawing/2014/main" id="{EDB7E468-36FD-449D-3A57-3583BAA29A9C}"/>
                  </a:ext>
                </a:extLst>
              </p:cNvPr>
              <p:cNvSpPr/>
              <p:nvPr/>
            </p:nvSpPr>
            <p:spPr>
              <a:xfrm>
                <a:off x="8819337" y="6991579"/>
                <a:ext cx="353066" cy="301138"/>
              </a:xfrm>
              <a:custGeom>
                <a:avLst/>
                <a:gdLst>
                  <a:gd name="connsiteX0" fmla="*/ 336331 w 353066"/>
                  <a:gd name="connsiteY0" fmla="*/ 0 h 301138"/>
                  <a:gd name="connsiteX1" fmla="*/ 17105 w 353066"/>
                  <a:gd name="connsiteY1" fmla="*/ 227313 h 301138"/>
                  <a:gd name="connsiteX2" fmla="*/ 10893 w 353066"/>
                  <a:gd name="connsiteY2" fmla="*/ 288166 h 301138"/>
                  <a:gd name="connsiteX3" fmla="*/ 10893 w 353066"/>
                  <a:gd name="connsiteY3" fmla="*/ 288166 h 301138"/>
                  <a:gd name="connsiteX4" fmla="*/ 53110 w 353066"/>
                  <a:gd name="connsiteY4" fmla="*/ 299196 h 301138"/>
                  <a:gd name="connsiteX5" fmla="*/ 254687 w 353066"/>
                  <a:gd name="connsiteY5" fmla="*/ 234919 h 301138"/>
                  <a:gd name="connsiteX6" fmla="*/ 318709 w 353066"/>
                  <a:gd name="connsiteY6" fmla="*/ 178883 h 301138"/>
                  <a:gd name="connsiteX7" fmla="*/ 353066 w 353066"/>
                  <a:gd name="connsiteY7" fmla="*/ 106240 h 301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53066" h="301138">
                    <a:moveTo>
                      <a:pt x="336331" y="0"/>
                    </a:moveTo>
                    <a:lnTo>
                      <a:pt x="17105" y="227313"/>
                    </a:lnTo>
                    <a:cubicBezTo>
                      <a:pt x="-2926" y="241512"/>
                      <a:pt x="-5842" y="270163"/>
                      <a:pt x="10893" y="288166"/>
                    </a:cubicBezTo>
                    <a:lnTo>
                      <a:pt x="10893" y="288166"/>
                    </a:lnTo>
                    <a:cubicBezTo>
                      <a:pt x="21669" y="299703"/>
                      <a:pt x="38023" y="304013"/>
                      <a:pt x="53110" y="299196"/>
                    </a:cubicBezTo>
                    <a:lnTo>
                      <a:pt x="254687" y="234919"/>
                    </a:lnTo>
                    <a:cubicBezTo>
                      <a:pt x="282831" y="225918"/>
                      <a:pt x="306032" y="205634"/>
                      <a:pt x="318709" y="178883"/>
                    </a:cubicBezTo>
                    <a:lnTo>
                      <a:pt x="353066" y="106240"/>
                    </a:lnTo>
                  </a:path>
                </a:pathLst>
              </a:custGeom>
              <a:solidFill>
                <a:srgbClr val="FFFFFF"/>
              </a:solidFill>
              <a:ln w="12674" cap="rnd">
                <a:solidFill>
                  <a:schemeClr val="tx1"/>
                </a:solidFill>
                <a:prstDash val="solid"/>
                <a:round/>
              </a:ln>
            </p:spPr>
            <p:txBody>
              <a:bodyPr rtlCol="0" anchor="ctr"/>
              <a:lstStyle/>
              <a:p>
                <a:endParaRPr lang="es-ES" sz="1092"/>
              </a:p>
            </p:txBody>
          </p:sp>
          <p:sp>
            <p:nvSpPr>
              <p:cNvPr id="1046" name="Freeform: Shape 1045">
                <a:extLst>
                  <a:ext uri="{FF2B5EF4-FFF2-40B4-BE49-F238E27FC236}">
                    <a16:creationId xmlns:a16="http://schemas.microsoft.com/office/drawing/2014/main" id="{CC3DBB35-F0F8-588A-3E1F-A39339286BF1}"/>
                  </a:ext>
                </a:extLst>
              </p:cNvPr>
              <p:cNvSpPr/>
              <p:nvPr/>
            </p:nvSpPr>
            <p:spPr>
              <a:xfrm>
                <a:off x="9167078" y="7036838"/>
                <a:ext cx="398351" cy="264352"/>
              </a:xfrm>
              <a:custGeom>
                <a:avLst/>
                <a:gdLst>
                  <a:gd name="connsiteX0" fmla="*/ 0 w 398351"/>
                  <a:gd name="connsiteY0" fmla="*/ 58191 h 264352"/>
                  <a:gd name="connsiteX1" fmla="*/ 336849 w 398351"/>
                  <a:gd name="connsiteY1" fmla="*/ 258627 h 264352"/>
                  <a:gd name="connsiteX2" fmla="*/ 395040 w 398351"/>
                  <a:gd name="connsiteY2" fmla="*/ 239737 h 264352"/>
                  <a:gd name="connsiteX3" fmla="*/ 395040 w 398351"/>
                  <a:gd name="connsiteY3" fmla="*/ 239737 h 264352"/>
                  <a:gd name="connsiteX4" fmla="*/ 388193 w 398351"/>
                  <a:gd name="connsiteY4" fmla="*/ 196632 h 264352"/>
                  <a:gd name="connsiteX5" fmla="*/ 247977 w 398351"/>
                  <a:gd name="connsiteY5" fmla="*/ 38160 h 264352"/>
                  <a:gd name="connsiteX6" fmla="*/ 170896 w 398351"/>
                  <a:gd name="connsiteY6" fmla="*/ 2155 h 264352"/>
                  <a:gd name="connsiteX7" fmla="*/ 97746 w 398351"/>
                  <a:gd name="connsiteY7" fmla="*/ 0 h 2643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98351" h="264352">
                    <a:moveTo>
                      <a:pt x="0" y="58191"/>
                    </a:moveTo>
                    <a:lnTo>
                      <a:pt x="336849" y="258627"/>
                    </a:lnTo>
                    <a:cubicBezTo>
                      <a:pt x="358020" y="271178"/>
                      <a:pt x="385278" y="262303"/>
                      <a:pt x="395040" y="239737"/>
                    </a:cubicBezTo>
                    <a:lnTo>
                      <a:pt x="395040" y="239737"/>
                    </a:lnTo>
                    <a:cubicBezTo>
                      <a:pt x="401252" y="225284"/>
                      <a:pt x="398589" y="208423"/>
                      <a:pt x="388193" y="196632"/>
                    </a:cubicBezTo>
                    <a:lnTo>
                      <a:pt x="247977" y="38160"/>
                    </a:lnTo>
                    <a:cubicBezTo>
                      <a:pt x="228327" y="15974"/>
                      <a:pt x="200436" y="2916"/>
                      <a:pt x="170896" y="2155"/>
                    </a:cubicBezTo>
                    <a:lnTo>
                      <a:pt x="97746"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1047" name="Freeform: Shape 1046">
                <a:extLst>
                  <a:ext uri="{FF2B5EF4-FFF2-40B4-BE49-F238E27FC236}">
                    <a16:creationId xmlns:a16="http://schemas.microsoft.com/office/drawing/2014/main" id="{2DE89639-D4D9-5067-954C-B24630F76872}"/>
                  </a:ext>
                </a:extLst>
              </p:cNvPr>
              <p:cNvSpPr/>
              <p:nvPr/>
            </p:nvSpPr>
            <p:spPr>
              <a:xfrm>
                <a:off x="9116136" y="6597588"/>
                <a:ext cx="149321" cy="444575"/>
              </a:xfrm>
              <a:custGeom>
                <a:avLst/>
                <a:gdLst>
                  <a:gd name="connsiteX0" fmla="*/ 148688 w 149321"/>
                  <a:gd name="connsiteY0" fmla="*/ 444575 h 444575"/>
                  <a:gd name="connsiteX1" fmla="*/ 149322 w 149321"/>
                  <a:gd name="connsiteY1" fmla="*/ 40788 h 444575"/>
                  <a:gd name="connsiteX2" fmla="*/ 103428 w 149321"/>
                  <a:gd name="connsiteY2" fmla="*/ 346 h 444575"/>
                  <a:gd name="connsiteX3" fmla="*/ 103428 w 149321"/>
                  <a:gd name="connsiteY3" fmla="*/ 346 h 444575"/>
                  <a:gd name="connsiteX4" fmla="*/ 69959 w 149321"/>
                  <a:gd name="connsiteY4" fmla="*/ 28237 h 444575"/>
                  <a:gd name="connsiteX5" fmla="*/ 5175 w 149321"/>
                  <a:gd name="connsiteY5" fmla="*/ 229560 h 444575"/>
                  <a:gd name="connsiteX6" fmla="*/ 13543 w 149321"/>
                  <a:gd name="connsiteY6" fmla="*/ 314248 h 444575"/>
                  <a:gd name="connsiteX7" fmla="*/ 52717 w 149321"/>
                  <a:gd name="connsiteY7" fmla="*/ 384483 h 4445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49321" h="444575">
                    <a:moveTo>
                      <a:pt x="148688" y="444575"/>
                    </a:moveTo>
                    <a:lnTo>
                      <a:pt x="149322" y="40788"/>
                    </a:lnTo>
                    <a:cubicBezTo>
                      <a:pt x="149322" y="16193"/>
                      <a:pt x="127769" y="-2824"/>
                      <a:pt x="103428" y="346"/>
                    </a:cubicBezTo>
                    <a:lnTo>
                      <a:pt x="103428" y="346"/>
                    </a:lnTo>
                    <a:cubicBezTo>
                      <a:pt x="87834" y="2374"/>
                      <a:pt x="74776" y="13277"/>
                      <a:pt x="69959" y="28237"/>
                    </a:cubicBezTo>
                    <a:lnTo>
                      <a:pt x="5175" y="229560"/>
                    </a:lnTo>
                    <a:cubicBezTo>
                      <a:pt x="-3953" y="257705"/>
                      <a:pt x="-910" y="288385"/>
                      <a:pt x="13543" y="314248"/>
                    </a:cubicBezTo>
                    <a:lnTo>
                      <a:pt x="52717" y="384483"/>
                    </a:lnTo>
                  </a:path>
                </a:pathLst>
              </a:custGeom>
              <a:solidFill>
                <a:srgbClr val="FFFFFF"/>
              </a:solidFill>
              <a:ln w="12674" cap="rnd">
                <a:solidFill>
                  <a:schemeClr val="tx1"/>
                </a:solidFill>
                <a:prstDash val="solid"/>
                <a:round/>
              </a:ln>
            </p:spPr>
            <p:txBody>
              <a:bodyPr rtlCol="0" anchor="ctr"/>
              <a:lstStyle/>
              <a:p>
                <a:endParaRPr lang="es-ES" sz="1092"/>
              </a:p>
            </p:txBody>
          </p:sp>
          <p:sp>
            <p:nvSpPr>
              <p:cNvPr id="1048" name="Freeform: Shape 1047">
                <a:extLst>
                  <a:ext uri="{FF2B5EF4-FFF2-40B4-BE49-F238E27FC236}">
                    <a16:creationId xmlns:a16="http://schemas.microsoft.com/office/drawing/2014/main" id="{C6905056-744C-E61B-8DB9-88B50591A4CC}"/>
                  </a:ext>
                </a:extLst>
              </p:cNvPr>
              <p:cNvSpPr/>
              <p:nvPr/>
            </p:nvSpPr>
            <p:spPr>
              <a:xfrm>
                <a:off x="9156809" y="7590731"/>
                <a:ext cx="86589" cy="86589"/>
              </a:xfrm>
              <a:custGeom>
                <a:avLst/>
                <a:gdLst>
                  <a:gd name="connsiteX0" fmla="*/ 7480 w 86589"/>
                  <a:gd name="connsiteY0" fmla="*/ 0 h 86589"/>
                  <a:gd name="connsiteX1" fmla="*/ 78856 w 86589"/>
                  <a:gd name="connsiteY1" fmla="*/ 0 h 86589"/>
                  <a:gd name="connsiteX2" fmla="*/ 86589 w 86589"/>
                  <a:gd name="connsiteY2" fmla="*/ 7733 h 86589"/>
                  <a:gd name="connsiteX3" fmla="*/ 86589 w 86589"/>
                  <a:gd name="connsiteY3" fmla="*/ 86589 h 86589"/>
                  <a:gd name="connsiteX4" fmla="*/ 0 w 86589"/>
                  <a:gd name="connsiteY4" fmla="*/ 86589 h 86589"/>
                  <a:gd name="connsiteX5" fmla="*/ 0 w 86589"/>
                  <a:gd name="connsiteY5" fmla="*/ 7480 h 86589"/>
                  <a:gd name="connsiteX6" fmla="*/ 7480 w 86589"/>
                  <a:gd name="connsiteY6" fmla="*/ 0 h 865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589" h="86589">
                    <a:moveTo>
                      <a:pt x="7480" y="0"/>
                    </a:moveTo>
                    <a:lnTo>
                      <a:pt x="78856" y="0"/>
                    </a:lnTo>
                    <a:cubicBezTo>
                      <a:pt x="83039" y="0"/>
                      <a:pt x="86589" y="3423"/>
                      <a:pt x="86589" y="7733"/>
                    </a:cubicBezTo>
                    <a:lnTo>
                      <a:pt x="86589" y="86589"/>
                    </a:lnTo>
                    <a:lnTo>
                      <a:pt x="0" y="86589"/>
                    </a:lnTo>
                    <a:lnTo>
                      <a:pt x="0" y="7480"/>
                    </a:lnTo>
                    <a:cubicBezTo>
                      <a:pt x="0" y="3296"/>
                      <a:pt x="3423" y="0"/>
                      <a:pt x="7480"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49" name="Freeform: Shape 1048">
                <a:extLst>
                  <a:ext uri="{FF2B5EF4-FFF2-40B4-BE49-F238E27FC236}">
                    <a16:creationId xmlns:a16="http://schemas.microsoft.com/office/drawing/2014/main" id="{BF97C2A8-B039-5077-B362-CB01C5AA4B48}"/>
                  </a:ext>
                </a:extLst>
              </p:cNvPr>
              <p:cNvSpPr/>
              <p:nvPr/>
            </p:nvSpPr>
            <p:spPr>
              <a:xfrm>
                <a:off x="9352047" y="6752349"/>
                <a:ext cx="172417" cy="329241"/>
              </a:xfrm>
              <a:custGeom>
                <a:avLst/>
                <a:gdLst>
                  <a:gd name="connsiteX0" fmla="*/ 0 w 172417"/>
                  <a:gd name="connsiteY0" fmla="*/ 0 h 329241"/>
                  <a:gd name="connsiteX1" fmla="*/ 172418 w 172417"/>
                  <a:gd name="connsiteY1" fmla="*/ 286771 h 329241"/>
                  <a:gd name="connsiteX2" fmla="*/ 169629 w 172417"/>
                  <a:gd name="connsiteY2" fmla="*/ 329242 h 329241"/>
                </a:gdLst>
                <a:ahLst/>
                <a:cxnLst>
                  <a:cxn ang="0">
                    <a:pos x="connsiteX0" y="connsiteY0"/>
                  </a:cxn>
                  <a:cxn ang="0">
                    <a:pos x="connsiteX1" y="connsiteY1"/>
                  </a:cxn>
                  <a:cxn ang="0">
                    <a:pos x="connsiteX2" y="connsiteY2"/>
                  </a:cxn>
                </a:cxnLst>
                <a:rect l="l" t="t" r="r" b="b"/>
                <a:pathLst>
                  <a:path w="172417" h="329241">
                    <a:moveTo>
                      <a:pt x="0" y="0"/>
                    </a:moveTo>
                    <a:cubicBezTo>
                      <a:pt x="102563" y="54514"/>
                      <a:pt x="172418" y="162529"/>
                      <a:pt x="172418" y="286771"/>
                    </a:cubicBezTo>
                    <a:cubicBezTo>
                      <a:pt x="172418" y="301224"/>
                      <a:pt x="171530" y="315296"/>
                      <a:pt x="169629" y="329242"/>
                    </a:cubicBezTo>
                  </a:path>
                </a:pathLst>
              </a:custGeom>
              <a:noFill/>
              <a:ln w="12674" cap="rnd">
                <a:solidFill>
                  <a:schemeClr val="tx1"/>
                </a:solidFill>
                <a:prstDash val="solid"/>
                <a:round/>
              </a:ln>
            </p:spPr>
            <p:txBody>
              <a:bodyPr rtlCol="0" anchor="ctr"/>
              <a:lstStyle/>
              <a:p>
                <a:endParaRPr lang="es-ES" sz="1092"/>
              </a:p>
            </p:txBody>
          </p:sp>
          <p:sp>
            <p:nvSpPr>
              <p:cNvPr id="1050" name="Freeform: Shape 1049">
                <a:extLst>
                  <a:ext uri="{FF2B5EF4-FFF2-40B4-BE49-F238E27FC236}">
                    <a16:creationId xmlns:a16="http://schemas.microsoft.com/office/drawing/2014/main" id="{55B8959E-6DF5-54E3-3FFC-88E38D45B2BE}"/>
                  </a:ext>
                </a:extLst>
              </p:cNvPr>
              <p:cNvSpPr/>
              <p:nvPr/>
            </p:nvSpPr>
            <p:spPr>
              <a:xfrm>
                <a:off x="8875363" y="6745757"/>
                <a:ext cx="185602" cy="353202"/>
              </a:xfrm>
              <a:custGeom>
                <a:avLst/>
                <a:gdLst>
                  <a:gd name="connsiteX0" fmla="*/ 5451 w 185602"/>
                  <a:gd name="connsiteY0" fmla="*/ 353203 h 353202"/>
                  <a:gd name="connsiteX1" fmla="*/ 0 w 185602"/>
                  <a:gd name="connsiteY1" fmla="*/ 293364 h 353202"/>
                  <a:gd name="connsiteX2" fmla="*/ 185603 w 185602"/>
                  <a:gd name="connsiteY2" fmla="*/ 0 h 353202"/>
                </a:gdLst>
                <a:ahLst/>
                <a:cxnLst>
                  <a:cxn ang="0">
                    <a:pos x="connsiteX0" y="connsiteY0"/>
                  </a:cxn>
                  <a:cxn ang="0">
                    <a:pos x="connsiteX1" y="connsiteY1"/>
                  </a:cxn>
                  <a:cxn ang="0">
                    <a:pos x="connsiteX2" y="connsiteY2"/>
                  </a:cxn>
                </a:cxnLst>
                <a:rect l="l" t="t" r="r" b="b"/>
                <a:pathLst>
                  <a:path w="185602" h="353202">
                    <a:moveTo>
                      <a:pt x="5451" y="353203"/>
                    </a:moveTo>
                    <a:cubicBezTo>
                      <a:pt x="1902" y="333806"/>
                      <a:pt x="0" y="313775"/>
                      <a:pt x="0" y="293364"/>
                    </a:cubicBezTo>
                    <a:cubicBezTo>
                      <a:pt x="0" y="163797"/>
                      <a:pt x="75813" y="51979"/>
                      <a:pt x="185603" y="0"/>
                    </a:cubicBezTo>
                  </a:path>
                </a:pathLst>
              </a:custGeom>
              <a:noFill/>
              <a:ln w="12674" cap="rnd">
                <a:solidFill>
                  <a:schemeClr val="tx1"/>
                </a:solidFill>
                <a:prstDash val="solid"/>
                <a:round/>
              </a:ln>
            </p:spPr>
            <p:txBody>
              <a:bodyPr rtlCol="0" anchor="ctr"/>
              <a:lstStyle/>
              <a:p>
                <a:endParaRPr lang="es-ES" sz="1092"/>
              </a:p>
            </p:txBody>
          </p:sp>
          <p:sp>
            <p:nvSpPr>
              <p:cNvPr id="1051" name="Freeform: Shape 1050">
                <a:extLst>
                  <a:ext uri="{FF2B5EF4-FFF2-40B4-BE49-F238E27FC236}">
                    <a16:creationId xmlns:a16="http://schemas.microsoft.com/office/drawing/2014/main" id="{4E873F54-A539-9D69-D0DC-6C6B6B04F195}"/>
                  </a:ext>
                </a:extLst>
              </p:cNvPr>
              <p:cNvSpPr/>
              <p:nvPr/>
            </p:nvSpPr>
            <p:spPr>
              <a:xfrm>
                <a:off x="9135004" y="6974210"/>
                <a:ext cx="129820" cy="129820"/>
              </a:xfrm>
              <a:custGeom>
                <a:avLst/>
                <a:gdLst>
                  <a:gd name="connsiteX0" fmla="*/ 129820 w 129820"/>
                  <a:gd name="connsiteY0" fmla="*/ 64910 h 129820"/>
                  <a:gd name="connsiteX1" fmla="*/ 64910 w 129820"/>
                  <a:gd name="connsiteY1" fmla="*/ 129821 h 129820"/>
                  <a:gd name="connsiteX2" fmla="*/ 0 w 129820"/>
                  <a:gd name="connsiteY2" fmla="*/ 64910 h 129820"/>
                  <a:gd name="connsiteX3" fmla="*/ 64910 w 129820"/>
                  <a:gd name="connsiteY3" fmla="*/ 0 h 129820"/>
                  <a:gd name="connsiteX4" fmla="*/ 129820 w 129820"/>
                  <a:gd name="connsiteY4" fmla="*/ 64910 h 1298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9820" h="129820">
                    <a:moveTo>
                      <a:pt x="129820" y="64910"/>
                    </a:moveTo>
                    <a:cubicBezTo>
                      <a:pt x="129820" y="100759"/>
                      <a:pt x="100759" y="129821"/>
                      <a:pt x="64910" y="129821"/>
                    </a:cubicBezTo>
                    <a:cubicBezTo>
                      <a:pt x="29061" y="129821"/>
                      <a:pt x="0" y="100759"/>
                      <a:pt x="0" y="64910"/>
                    </a:cubicBezTo>
                    <a:cubicBezTo>
                      <a:pt x="0" y="29061"/>
                      <a:pt x="29061" y="0"/>
                      <a:pt x="64910" y="0"/>
                    </a:cubicBezTo>
                    <a:cubicBezTo>
                      <a:pt x="100759" y="0"/>
                      <a:pt x="129820" y="29061"/>
                      <a:pt x="129820" y="64910"/>
                    </a:cubicBez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1052" name="Graphic 778">
              <a:extLst>
                <a:ext uri="{FF2B5EF4-FFF2-40B4-BE49-F238E27FC236}">
                  <a16:creationId xmlns:a16="http://schemas.microsoft.com/office/drawing/2014/main" id="{590534FC-3026-B5CB-3C5A-A965FC72CBF9}"/>
                </a:ext>
              </a:extLst>
            </p:cNvPr>
            <p:cNvGrpSpPr/>
            <p:nvPr/>
          </p:nvGrpSpPr>
          <p:grpSpPr>
            <a:xfrm>
              <a:off x="8244020" y="6959665"/>
              <a:ext cx="745965" cy="1079732"/>
              <a:chOff x="8244020" y="6959665"/>
              <a:chExt cx="745965" cy="1079732"/>
            </a:xfrm>
          </p:grpSpPr>
          <p:sp>
            <p:nvSpPr>
              <p:cNvPr id="1053" name="Freeform: Shape 1052">
                <a:extLst>
                  <a:ext uri="{FF2B5EF4-FFF2-40B4-BE49-F238E27FC236}">
                    <a16:creationId xmlns:a16="http://schemas.microsoft.com/office/drawing/2014/main" id="{B780F5DB-C1D8-2489-89FC-30CFFFDCD966}"/>
                  </a:ext>
                </a:extLst>
              </p:cNvPr>
              <p:cNvSpPr/>
              <p:nvPr/>
            </p:nvSpPr>
            <p:spPr>
              <a:xfrm>
                <a:off x="8624596" y="7466108"/>
                <a:ext cx="12677" cy="486699"/>
              </a:xfrm>
              <a:custGeom>
                <a:avLst/>
                <a:gdLst>
                  <a:gd name="connsiteX0" fmla="*/ 0 w 12677"/>
                  <a:gd name="connsiteY0" fmla="*/ 0 h 486699"/>
                  <a:gd name="connsiteX1" fmla="*/ 0 w 12677"/>
                  <a:gd name="connsiteY1" fmla="*/ 486700 h 486699"/>
                </a:gdLst>
                <a:ahLst/>
                <a:cxnLst>
                  <a:cxn ang="0">
                    <a:pos x="connsiteX0" y="connsiteY0"/>
                  </a:cxn>
                  <a:cxn ang="0">
                    <a:pos x="connsiteX1" y="connsiteY1"/>
                  </a:cxn>
                </a:cxnLst>
                <a:rect l="l" t="t" r="r" b="b"/>
                <a:pathLst>
                  <a:path w="12677" h="486699">
                    <a:moveTo>
                      <a:pt x="0" y="0"/>
                    </a:moveTo>
                    <a:lnTo>
                      <a:pt x="0" y="486700"/>
                    </a:lnTo>
                  </a:path>
                </a:pathLst>
              </a:custGeom>
              <a:ln w="12674" cap="rnd">
                <a:solidFill>
                  <a:schemeClr val="tx1"/>
                </a:solidFill>
                <a:prstDash val="solid"/>
                <a:round/>
              </a:ln>
            </p:spPr>
            <p:txBody>
              <a:bodyPr rtlCol="0" anchor="ctr"/>
              <a:lstStyle/>
              <a:p>
                <a:endParaRPr lang="es-ES" sz="1092"/>
              </a:p>
            </p:txBody>
          </p:sp>
          <p:sp>
            <p:nvSpPr>
              <p:cNvPr id="1054" name="Freeform: Shape 1053">
                <a:extLst>
                  <a:ext uri="{FF2B5EF4-FFF2-40B4-BE49-F238E27FC236}">
                    <a16:creationId xmlns:a16="http://schemas.microsoft.com/office/drawing/2014/main" id="{7E9298F2-59B2-A10D-5850-40E3FEA7F101}"/>
                  </a:ext>
                </a:extLst>
              </p:cNvPr>
              <p:cNvSpPr/>
              <p:nvPr/>
            </p:nvSpPr>
            <p:spPr>
              <a:xfrm>
                <a:off x="8244020" y="7353656"/>
                <a:ext cx="353066" cy="301139"/>
              </a:xfrm>
              <a:custGeom>
                <a:avLst/>
                <a:gdLst>
                  <a:gd name="connsiteX0" fmla="*/ 336331 w 353066"/>
                  <a:gd name="connsiteY0" fmla="*/ 0 h 301139"/>
                  <a:gd name="connsiteX1" fmla="*/ 17105 w 353066"/>
                  <a:gd name="connsiteY1" fmla="*/ 227313 h 301139"/>
                  <a:gd name="connsiteX2" fmla="*/ 10893 w 353066"/>
                  <a:gd name="connsiteY2" fmla="*/ 288166 h 301139"/>
                  <a:gd name="connsiteX3" fmla="*/ 10893 w 353066"/>
                  <a:gd name="connsiteY3" fmla="*/ 288166 h 301139"/>
                  <a:gd name="connsiteX4" fmla="*/ 53110 w 353066"/>
                  <a:gd name="connsiteY4" fmla="*/ 299196 h 301139"/>
                  <a:gd name="connsiteX5" fmla="*/ 254686 w 353066"/>
                  <a:gd name="connsiteY5" fmla="*/ 234919 h 301139"/>
                  <a:gd name="connsiteX6" fmla="*/ 318709 w 353066"/>
                  <a:gd name="connsiteY6" fmla="*/ 178884 h 301139"/>
                  <a:gd name="connsiteX7" fmla="*/ 353066 w 353066"/>
                  <a:gd name="connsiteY7" fmla="*/ 106240 h 301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53066" h="301139">
                    <a:moveTo>
                      <a:pt x="336331" y="0"/>
                    </a:moveTo>
                    <a:lnTo>
                      <a:pt x="17105" y="227313"/>
                    </a:lnTo>
                    <a:cubicBezTo>
                      <a:pt x="-2926" y="241512"/>
                      <a:pt x="-5842" y="270164"/>
                      <a:pt x="10893" y="288166"/>
                    </a:cubicBezTo>
                    <a:lnTo>
                      <a:pt x="10893" y="288166"/>
                    </a:lnTo>
                    <a:cubicBezTo>
                      <a:pt x="21669" y="299703"/>
                      <a:pt x="38023" y="304013"/>
                      <a:pt x="53110" y="299196"/>
                    </a:cubicBezTo>
                    <a:lnTo>
                      <a:pt x="254686" y="234919"/>
                    </a:lnTo>
                    <a:cubicBezTo>
                      <a:pt x="282831" y="225918"/>
                      <a:pt x="306032" y="205634"/>
                      <a:pt x="318709" y="178884"/>
                    </a:cubicBezTo>
                    <a:lnTo>
                      <a:pt x="353066" y="106240"/>
                    </a:lnTo>
                  </a:path>
                </a:pathLst>
              </a:custGeom>
              <a:solidFill>
                <a:srgbClr val="FFFFFF"/>
              </a:solidFill>
              <a:ln w="12674" cap="rnd">
                <a:solidFill>
                  <a:schemeClr val="tx1"/>
                </a:solidFill>
                <a:prstDash val="solid"/>
                <a:round/>
              </a:ln>
            </p:spPr>
            <p:txBody>
              <a:bodyPr rtlCol="0" anchor="ctr"/>
              <a:lstStyle/>
              <a:p>
                <a:endParaRPr lang="es-ES" sz="1092"/>
              </a:p>
            </p:txBody>
          </p:sp>
          <p:sp>
            <p:nvSpPr>
              <p:cNvPr id="1055" name="Freeform: Shape 1054">
                <a:extLst>
                  <a:ext uri="{FF2B5EF4-FFF2-40B4-BE49-F238E27FC236}">
                    <a16:creationId xmlns:a16="http://schemas.microsoft.com/office/drawing/2014/main" id="{96D7CD37-FD11-79F2-DF8B-1AC814C742E8}"/>
                  </a:ext>
                </a:extLst>
              </p:cNvPr>
              <p:cNvSpPr/>
              <p:nvPr/>
            </p:nvSpPr>
            <p:spPr>
              <a:xfrm>
                <a:off x="8591634" y="7399042"/>
                <a:ext cx="398351" cy="264352"/>
              </a:xfrm>
              <a:custGeom>
                <a:avLst/>
                <a:gdLst>
                  <a:gd name="connsiteX0" fmla="*/ 0 w 398351"/>
                  <a:gd name="connsiteY0" fmla="*/ 58191 h 264352"/>
                  <a:gd name="connsiteX1" fmla="*/ 336849 w 398351"/>
                  <a:gd name="connsiteY1" fmla="*/ 258627 h 264352"/>
                  <a:gd name="connsiteX2" fmla="*/ 395040 w 398351"/>
                  <a:gd name="connsiteY2" fmla="*/ 239737 h 264352"/>
                  <a:gd name="connsiteX3" fmla="*/ 395040 w 398351"/>
                  <a:gd name="connsiteY3" fmla="*/ 239737 h 264352"/>
                  <a:gd name="connsiteX4" fmla="*/ 388193 w 398351"/>
                  <a:gd name="connsiteY4" fmla="*/ 196632 h 264352"/>
                  <a:gd name="connsiteX5" fmla="*/ 247977 w 398351"/>
                  <a:gd name="connsiteY5" fmla="*/ 38160 h 264352"/>
                  <a:gd name="connsiteX6" fmla="*/ 170896 w 398351"/>
                  <a:gd name="connsiteY6" fmla="*/ 2155 h 264352"/>
                  <a:gd name="connsiteX7" fmla="*/ 97746 w 398351"/>
                  <a:gd name="connsiteY7" fmla="*/ 0 h 2643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98351" h="264352">
                    <a:moveTo>
                      <a:pt x="0" y="58191"/>
                    </a:moveTo>
                    <a:lnTo>
                      <a:pt x="336849" y="258627"/>
                    </a:lnTo>
                    <a:cubicBezTo>
                      <a:pt x="358020" y="271178"/>
                      <a:pt x="385278" y="262303"/>
                      <a:pt x="395040" y="239737"/>
                    </a:cubicBezTo>
                    <a:lnTo>
                      <a:pt x="395040" y="239737"/>
                    </a:lnTo>
                    <a:cubicBezTo>
                      <a:pt x="401252" y="225284"/>
                      <a:pt x="398589" y="208423"/>
                      <a:pt x="388193" y="196632"/>
                    </a:cubicBezTo>
                    <a:lnTo>
                      <a:pt x="247977" y="38160"/>
                    </a:lnTo>
                    <a:cubicBezTo>
                      <a:pt x="228327" y="15974"/>
                      <a:pt x="200436" y="2916"/>
                      <a:pt x="170896" y="2155"/>
                    </a:cubicBezTo>
                    <a:lnTo>
                      <a:pt x="97746"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1056" name="Freeform: Shape 1055">
                <a:extLst>
                  <a:ext uri="{FF2B5EF4-FFF2-40B4-BE49-F238E27FC236}">
                    <a16:creationId xmlns:a16="http://schemas.microsoft.com/office/drawing/2014/main" id="{6EABB567-1E1D-8C6D-1A4F-7AC66742809D}"/>
                  </a:ext>
                </a:extLst>
              </p:cNvPr>
              <p:cNvSpPr/>
              <p:nvPr/>
            </p:nvSpPr>
            <p:spPr>
              <a:xfrm>
                <a:off x="8540692" y="6959665"/>
                <a:ext cx="149321" cy="444575"/>
              </a:xfrm>
              <a:custGeom>
                <a:avLst/>
                <a:gdLst>
                  <a:gd name="connsiteX0" fmla="*/ 148688 w 149321"/>
                  <a:gd name="connsiteY0" fmla="*/ 444575 h 444575"/>
                  <a:gd name="connsiteX1" fmla="*/ 149322 w 149321"/>
                  <a:gd name="connsiteY1" fmla="*/ 40788 h 444575"/>
                  <a:gd name="connsiteX2" fmla="*/ 103428 w 149321"/>
                  <a:gd name="connsiteY2" fmla="*/ 346 h 444575"/>
                  <a:gd name="connsiteX3" fmla="*/ 103428 w 149321"/>
                  <a:gd name="connsiteY3" fmla="*/ 346 h 444575"/>
                  <a:gd name="connsiteX4" fmla="*/ 69959 w 149321"/>
                  <a:gd name="connsiteY4" fmla="*/ 28237 h 444575"/>
                  <a:gd name="connsiteX5" fmla="*/ 5175 w 149321"/>
                  <a:gd name="connsiteY5" fmla="*/ 229560 h 444575"/>
                  <a:gd name="connsiteX6" fmla="*/ 13543 w 149321"/>
                  <a:gd name="connsiteY6" fmla="*/ 314248 h 444575"/>
                  <a:gd name="connsiteX7" fmla="*/ 52717 w 149321"/>
                  <a:gd name="connsiteY7" fmla="*/ 384483 h 4445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49321" h="444575">
                    <a:moveTo>
                      <a:pt x="148688" y="444575"/>
                    </a:moveTo>
                    <a:lnTo>
                      <a:pt x="149322" y="40788"/>
                    </a:lnTo>
                    <a:cubicBezTo>
                      <a:pt x="149322" y="16193"/>
                      <a:pt x="127769" y="-2824"/>
                      <a:pt x="103428" y="346"/>
                    </a:cubicBezTo>
                    <a:lnTo>
                      <a:pt x="103428" y="346"/>
                    </a:lnTo>
                    <a:cubicBezTo>
                      <a:pt x="87834" y="2374"/>
                      <a:pt x="74776" y="13277"/>
                      <a:pt x="69959" y="28237"/>
                    </a:cubicBezTo>
                    <a:lnTo>
                      <a:pt x="5175" y="229560"/>
                    </a:lnTo>
                    <a:cubicBezTo>
                      <a:pt x="-3953" y="257705"/>
                      <a:pt x="-910" y="288385"/>
                      <a:pt x="13543" y="314248"/>
                    </a:cubicBezTo>
                    <a:lnTo>
                      <a:pt x="52717" y="384483"/>
                    </a:lnTo>
                  </a:path>
                </a:pathLst>
              </a:custGeom>
              <a:solidFill>
                <a:srgbClr val="FFFFFF"/>
              </a:solidFill>
              <a:ln w="12674" cap="rnd">
                <a:solidFill>
                  <a:schemeClr val="tx1"/>
                </a:solidFill>
                <a:prstDash val="solid"/>
                <a:round/>
              </a:ln>
            </p:spPr>
            <p:txBody>
              <a:bodyPr rtlCol="0" anchor="ctr"/>
              <a:lstStyle/>
              <a:p>
                <a:endParaRPr lang="es-ES" sz="1092"/>
              </a:p>
            </p:txBody>
          </p:sp>
          <p:sp>
            <p:nvSpPr>
              <p:cNvPr id="1057" name="Freeform: Shape 1056">
                <a:extLst>
                  <a:ext uri="{FF2B5EF4-FFF2-40B4-BE49-F238E27FC236}">
                    <a16:creationId xmlns:a16="http://schemas.microsoft.com/office/drawing/2014/main" id="{A24C6A1B-822F-5375-B6DE-25DAEDC925C8}"/>
                  </a:ext>
                </a:extLst>
              </p:cNvPr>
              <p:cNvSpPr/>
              <p:nvPr/>
            </p:nvSpPr>
            <p:spPr>
              <a:xfrm>
                <a:off x="8581365" y="7952808"/>
                <a:ext cx="86589" cy="86589"/>
              </a:xfrm>
              <a:custGeom>
                <a:avLst/>
                <a:gdLst>
                  <a:gd name="connsiteX0" fmla="*/ 7480 w 86589"/>
                  <a:gd name="connsiteY0" fmla="*/ 0 h 86589"/>
                  <a:gd name="connsiteX1" fmla="*/ 78856 w 86589"/>
                  <a:gd name="connsiteY1" fmla="*/ 0 h 86589"/>
                  <a:gd name="connsiteX2" fmla="*/ 86589 w 86589"/>
                  <a:gd name="connsiteY2" fmla="*/ 7733 h 86589"/>
                  <a:gd name="connsiteX3" fmla="*/ 86589 w 86589"/>
                  <a:gd name="connsiteY3" fmla="*/ 86589 h 86589"/>
                  <a:gd name="connsiteX4" fmla="*/ 0 w 86589"/>
                  <a:gd name="connsiteY4" fmla="*/ 86589 h 86589"/>
                  <a:gd name="connsiteX5" fmla="*/ 0 w 86589"/>
                  <a:gd name="connsiteY5" fmla="*/ 7480 h 86589"/>
                  <a:gd name="connsiteX6" fmla="*/ 7480 w 86589"/>
                  <a:gd name="connsiteY6" fmla="*/ 0 h 865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589" h="86589">
                    <a:moveTo>
                      <a:pt x="7480" y="0"/>
                    </a:moveTo>
                    <a:lnTo>
                      <a:pt x="78856" y="0"/>
                    </a:lnTo>
                    <a:cubicBezTo>
                      <a:pt x="83039" y="0"/>
                      <a:pt x="86589" y="3423"/>
                      <a:pt x="86589" y="7733"/>
                    </a:cubicBezTo>
                    <a:lnTo>
                      <a:pt x="86589" y="86589"/>
                    </a:lnTo>
                    <a:lnTo>
                      <a:pt x="0" y="86589"/>
                    </a:lnTo>
                    <a:lnTo>
                      <a:pt x="0" y="7480"/>
                    </a:lnTo>
                    <a:cubicBezTo>
                      <a:pt x="0" y="3296"/>
                      <a:pt x="3423" y="0"/>
                      <a:pt x="7480"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58" name="Freeform: Shape 1057">
                <a:extLst>
                  <a:ext uri="{FF2B5EF4-FFF2-40B4-BE49-F238E27FC236}">
                    <a16:creationId xmlns:a16="http://schemas.microsoft.com/office/drawing/2014/main" id="{C7A67C63-2D00-D7DD-089C-24656DFAEF6A}"/>
                  </a:ext>
                </a:extLst>
              </p:cNvPr>
              <p:cNvSpPr/>
              <p:nvPr/>
            </p:nvSpPr>
            <p:spPr>
              <a:xfrm>
                <a:off x="8776730" y="7114426"/>
                <a:ext cx="172417" cy="329241"/>
              </a:xfrm>
              <a:custGeom>
                <a:avLst/>
                <a:gdLst>
                  <a:gd name="connsiteX0" fmla="*/ 0 w 172417"/>
                  <a:gd name="connsiteY0" fmla="*/ 0 h 329241"/>
                  <a:gd name="connsiteX1" fmla="*/ 172418 w 172417"/>
                  <a:gd name="connsiteY1" fmla="*/ 286771 h 329241"/>
                  <a:gd name="connsiteX2" fmla="*/ 169629 w 172417"/>
                  <a:gd name="connsiteY2" fmla="*/ 329242 h 329241"/>
                </a:gdLst>
                <a:ahLst/>
                <a:cxnLst>
                  <a:cxn ang="0">
                    <a:pos x="connsiteX0" y="connsiteY0"/>
                  </a:cxn>
                  <a:cxn ang="0">
                    <a:pos x="connsiteX1" y="connsiteY1"/>
                  </a:cxn>
                  <a:cxn ang="0">
                    <a:pos x="connsiteX2" y="connsiteY2"/>
                  </a:cxn>
                </a:cxnLst>
                <a:rect l="l" t="t" r="r" b="b"/>
                <a:pathLst>
                  <a:path w="172417" h="329241">
                    <a:moveTo>
                      <a:pt x="0" y="0"/>
                    </a:moveTo>
                    <a:cubicBezTo>
                      <a:pt x="102563" y="54514"/>
                      <a:pt x="172418" y="162529"/>
                      <a:pt x="172418" y="286771"/>
                    </a:cubicBezTo>
                    <a:cubicBezTo>
                      <a:pt x="172418" y="301224"/>
                      <a:pt x="171530" y="315296"/>
                      <a:pt x="169629" y="329242"/>
                    </a:cubicBezTo>
                  </a:path>
                </a:pathLst>
              </a:custGeom>
              <a:noFill/>
              <a:ln w="12674" cap="rnd">
                <a:solidFill>
                  <a:schemeClr val="tx1"/>
                </a:solidFill>
                <a:prstDash val="solid"/>
                <a:round/>
              </a:ln>
            </p:spPr>
            <p:txBody>
              <a:bodyPr rtlCol="0" anchor="ctr"/>
              <a:lstStyle/>
              <a:p>
                <a:endParaRPr lang="es-ES" sz="1092"/>
              </a:p>
            </p:txBody>
          </p:sp>
          <p:sp>
            <p:nvSpPr>
              <p:cNvPr id="1059" name="Freeform: Shape 1058">
                <a:extLst>
                  <a:ext uri="{FF2B5EF4-FFF2-40B4-BE49-F238E27FC236}">
                    <a16:creationId xmlns:a16="http://schemas.microsoft.com/office/drawing/2014/main" id="{EBAF8DE7-087C-FBC6-5877-9AF01FCC1FA3}"/>
                  </a:ext>
                </a:extLst>
              </p:cNvPr>
              <p:cNvSpPr/>
              <p:nvPr/>
            </p:nvSpPr>
            <p:spPr>
              <a:xfrm>
                <a:off x="8299919" y="7107834"/>
                <a:ext cx="185602" cy="353202"/>
              </a:xfrm>
              <a:custGeom>
                <a:avLst/>
                <a:gdLst>
                  <a:gd name="connsiteX0" fmla="*/ 5451 w 185602"/>
                  <a:gd name="connsiteY0" fmla="*/ 353203 h 353202"/>
                  <a:gd name="connsiteX1" fmla="*/ 0 w 185602"/>
                  <a:gd name="connsiteY1" fmla="*/ 293364 h 353202"/>
                  <a:gd name="connsiteX2" fmla="*/ 185603 w 185602"/>
                  <a:gd name="connsiteY2" fmla="*/ 0 h 353202"/>
                </a:gdLst>
                <a:ahLst/>
                <a:cxnLst>
                  <a:cxn ang="0">
                    <a:pos x="connsiteX0" y="connsiteY0"/>
                  </a:cxn>
                  <a:cxn ang="0">
                    <a:pos x="connsiteX1" y="connsiteY1"/>
                  </a:cxn>
                  <a:cxn ang="0">
                    <a:pos x="connsiteX2" y="connsiteY2"/>
                  </a:cxn>
                </a:cxnLst>
                <a:rect l="l" t="t" r="r" b="b"/>
                <a:pathLst>
                  <a:path w="185602" h="353202">
                    <a:moveTo>
                      <a:pt x="5451" y="353203"/>
                    </a:moveTo>
                    <a:cubicBezTo>
                      <a:pt x="1902" y="333806"/>
                      <a:pt x="0" y="313775"/>
                      <a:pt x="0" y="293364"/>
                    </a:cubicBezTo>
                    <a:cubicBezTo>
                      <a:pt x="0" y="163797"/>
                      <a:pt x="75813" y="51979"/>
                      <a:pt x="185603" y="0"/>
                    </a:cubicBezTo>
                  </a:path>
                </a:pathLst>
              </a:custGeom>
              <a:noFill/>
              <a:ln w="12674" cap="rnd">
                <a:solidFill>
                  <a:schemeClr val="tx1"/>
                </a:solidFill>
                <a:prstDash val="solid"/>
                <a:round/>
              </a:ln>
            </p:spPr>
            <p:txBody>
              <a:bodyPr rtlCol="0" anchor="ctr"/>
              <a:lstStyle/>
              <a:p>
                <a:endParaRPr lang="es-ES" sz="1092"/>
              </a:p>
            </p:txBody>
          </p:sp>
          <p:sp>
            <p:nvSpPr>
              <p:cNvPr id="1060" name="Freeform: Shape 1059">
                <a:extLst>
                  <a:ext uri="{FF2B5EF4-FFF2-40B4-BE49-F238E27FC236}">
                    <a16:creationId xmlns:a16="http://schemas.microsoft.com/office/drawing/2014/main" id="{07A90C41-0976-F890-AF1B-416DB32CDEC9}"/>
                  </a:ext>
                </a:extLst>
              </p:cNvPr>
              <p:cNvSpPr/>
              <p:nvPr/>
            </p:nvSpPr>
            <p:spPr>
              <a:xfrm>
                <a:off x="8559559" y="7336287"/>
                <a:ext cx="129820" cy="129820"/>
              </a:xfrm>
              <a:custGeom>
                <a:avLst/>
                <a:gdLst>
                  <a:gd name="connsiteX0" fmla="*/ 129820 w 129820"/>
                  <a:gd name="connsiteY0" fmla="*/ 64910 h 129820"/>
                  <a:gd name="connsiteX1" fmla="*/ 64910 w 129820"/>
                  <a:gd name="connsiteY1" fmla="*/ 129820 h 129820"/>
                  <a:gd name="connsiteX2" fmla="*/ 0 w 129820"/>
                  <a:gd name="connsiteY2" fmla="*/ 64910 h 129820"/>
                  <a:gd name="connsiteX3" fmla="*/ 64910 w 129820"/>
                  <a:gd name="connsiteY3" fmla="*/ 0 h 129820"/>
                  <a:gd name="connsiteX4" fmla="*/ 129820 w 129820"/>
                  <a:gd name="connsiteY4" fmla="*/ 64910 h 1298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9820" h="129820">
                    <a:moveTo>
                      <a:pt x="129820" y="64910"/>
                    </a:moveTo>
                    <a:cubicBezTo>
                      <a:pt x="129820" y="100759"/>
                      <a:pt x="100759" y="129820"/>
                      <a:pt x="64910" y="129820"/>
                    </a:cubicBezTo>
                    <a:cubicBezTo>
                      <a:pt x="29061" y="129820"/>
                      <a:pt x="0" y="100759"/>
                      <a:pt x="0" y="64910"/>
                    </a:cubicBezTo>
                    <a:cubicBezTo>
                      <a:pt x="0" y="29061"/>
                      <a:pt x="29061" y="0"/>
                      <a:pt x="64910" y="0"/>
                    </a:cubicBezTo>
                    <a:cubicBezTo>
                      <a:pt x="100759" y="0"/>
                      <a:pt x="129820" y="29061"/>
                      <a:pt x="129820" y="64910"/>
                    </a:cubicBez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1061" name="Graphic 778">
              <a:extLst>
                <a:ext uri="{FF2B5EF4-FFF2-40B4-BE49-F238E27FC236}">
                  <a16:creationId xmlns:a16="http://schemas.microsoft.com/office/drawing/2014/main" id="{3FB7B63D-8402-CFBB-43C1-C1D0BBBC0DFD}"/>
                </a:ext>
              </a:extLst>
            </p:cNvPr>
            <p:cNvGrpSpPr/>
            <p:nvPr/>
          </p:nvGrpSpPr>
          <p:grpSpPr>
            <a:xfrm>
              <a:off x="7370774" y="6597588"/>
              <a:ext cx="746093" cy="1079732"/>
              <a:chOff x="7370774" y="6597588"/>
              <a:chExt cx="746093" cy="1079732"/>
            </a:xfrm>
          </p:grpSpPr>
          <p:sp>
            <p:nvSpPr>
              <p:cNvPr id="1062" name="Freeform: Shape 1061">
                <a:extLst>
                  <a:ext uri="{FF2B5EF4-FFF2-40B4-BE49-F238E27FC236}">
                    <a16:creationId xmlns:a16="http://schemas.microsoft.com/office/drawing/2014/main" id="{E818B78A-F876-1216-AE88-3B12ED2E7314}"/>
                  </a:ext>
                </a:extLst>
              </p:cNvPr>
              <p:cNvSpPr/>
              <p:nvPr/>
            </p:nvSpPr>
            <p:spPr>
              <a:xfrm>
                <a:off x="7751351" y="7104031"/>
                <a:ext cx="12677" cy="486699"/>
              </a:xfrm>
              <a:custGeom>
                <a:avLst/>
                <a:gdLst>
                  <a:gd name="connsiteX0" fmla="*/ 0 w 12677"/>
                  <a:gd name="connsiteY0" fmla="*/ 0 h 486699"/>
                  <a:gd name="connsiteX1" fmla="*/ 0 w 12677"/>
                  <a:gd name="connsiteY1" fmla="*/ 486700 h 486699"/>
                </a:gdLst>
                <a:ahLst/>
                <a:cxnLst>
                  <a:cxn ang="0">
                    <a:pos x="connsiteX0" y="connsiteY0"/>
                  </a:cxn>
                  <a:cxn ang="0">
                    <a:pos x="connsiteX1" y="connsiteY1"/>
                  </a:cxn>
                </a:cxnLst>
                <a:rect l="l" t="t" r="r" b="b"/>
                <a:pathLst>
                  <a:path w="12677" h="486699">
                    <a:moveTo>
                      <a:pt x="0" y="0"/>
                    </a:moveTo>
                    <a:lnTo>
                      <a:pt x="0" y="486700"/>
                    </a:lnTo>
                  </a:path>
                </a:pathLst>
              </a:custGeom>
              <a:ln w="12674" cap="rnd">
                <a:solidFill>
                  <a:schemeClr val="tx1"/>
                </a:solidFill>
                <a:prstDash val="solid"/>
                <a:round/>
              </a:ln>
            </p:spPr>
            <p:txBody>
              <a:bodyPr rtlCol="0" anchor="ctr"/>
              <a:lstStyle/>
              <a:p>
                <a:endParaRPr lang="es-ES" sz="1092"/>
              </a:p>
            </p:txBody>
          </p:sp>
          <p:sp>
            <p:nvSpPr>
              <p:cNvPr id="1063" name="Freeform: Shape 1062">
                <a:extLst>
                  <a:ext uri="{FF2B5EF4-FFF2-40B4-BE49-F238E27FC236}">
                    <a16:creationId xmlns:a16="http://schemas.microsoft.com/office/drawing/2014/main" id="{DCF06C15-2457-B319-9042-06684CE7BC8F}"/>
                  </a:ext>
                </a:extLst>
              </p:cNvPr>
              <p:cNvSpPr/>
              <p:nvPr/>
            </p:nvSpPr>
            <p:spPr>
              <a:xfrm>
                <a:off x="7370774" y="6991579"/>
                <a:ext cx="353066" cy="301138"/>
              </a:xfrm>
              <a:custGeom>
                <a:avLst/>
                <a:gdLst>
                  <a:gd name="connsiteX0" fmla="*/ 336331 w 353066"/>
                  <a:gd name="connsiteY0" fmla="*/ 0 h 301138"/>
                  <a:gd name="connsiteX1" fmla="*/ 17105 w 353066"/>
                  <a:gd name="connsiteY1" fmla="*/ 227313 h 301138"/>
                  <a:gd name="connsiteX2" fmla="*/ 10893 w 353066"/>
                  <a:gd name="connsiteY2" fmla="*/ 288166 h 301138"/>
                  <a:gd name="connsiteX3" fmla="*/ 10893 w 353066"/>
                  <a:gd name="connsiteY3" fmla="*/ 288166 h 301138"/>
                  <a:gd name="connsiteX4" fmla="*/ 53110 w 353066"/>
                  <a:gd name="connsiteY4" fmla="*/ 299196 h 301138"/>
                  <a:gd name="connsiteX5" fmla="*/ 254686 w 353066"/>
                  <a:gd name="connsiteY5" fmla="*/ 234919 h 301138"/>
                  <a:gd name="connsiteX6" fmla="*/ 318709 w 353066"/>
                  <a:gd name="connsiteY6" fmla="*/ 178883 h 301138"/>
                  <a:gd name="connsiteX7" fmla="*/ 353066 w 353066"/>
                  <a:gd name="connsiteY7" fmla="*/ 106240 h 301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53066" h="301138">
                    <a:moveTo>
                      <a:pt x="336331" y="0"/>
                    </a:moveTo>
                    <a:lnTo>
                      <a:pt x="17105" y="227313"/>
                    </a:lnTo>
                    <a:cubicBezTo>
                      <a:pt x="-2926" y="241512"/>
                      <a:pt x="-5842" y="270163"/>
                      <a:pt x="10893" y="288166"/>
                    </a:cubicBezTo>
                    <a:lnTo>
                      <a:pt x="10893" y="288166"/>
                    </a:lnTo>
                    <a:cubicBezTo>
                      <a:pt x="21669" y="299703"/>
                      <a:pt x="38023" y="304013"/>
                      <a:pt x="53110" y="299196"/>
                    </a:cubicBezTo>
                    <a:lnTo>
                      <a:pt x="254686" y="234919"/>
                    </a:lnTo>
                    <a:cubicBezTo>
                      <a:pt x="282831" y="225918"/>
                      <a:pt x="306032" y="205634"/>
                      <a:pt x="318709" y="178883"/>
                    </a:cubicBezTo>
                    <a:lnTo>
                      <a:pt x="353066" y="106240"/>
                    </a:lnTo>
                  </a:path>
                </a:pathLst>
              </a:custGeom>
              <a:solidFill>
                <a:srgbClr val="FFFFFF"/>
              </a:solidFill>
              <a:ln w="12674" cap="rnd">
                <a:solidFill>
                  <a:schemeClr val="tx1"/>
                </a:solidFill>
                <a:prstDash val="solid"/>
                <a:round/>
              </a:ln>
            </p:spPr>
            <p:txBody>
              <a:bodyPr rtlCol="0" anchor="ctr"/>
              <a:lstStyle/>
              <a:p>
                <a:endParaRPr lang="es-ES" sz="1092"/>
              </a:p>
            </p:txBody>
          </p:sp>
          <p:sp>
            <p:nvSpPr>
              <p:cNvPr id="1064" name="Freeform: Shape 1063">
                <a:extLst>
                  <a:ext uri="{FF2B5EF4-FFF2-40B4-BE49-F238E27FC236}">
                    <a16:creationId xmlns:a16="http://schemas.microsoft.com/office/drawing/2014/main" id="{C510501A-9ED2-08A1-FF0C-711173F38D20}"/>
                  </a:ext>
                </a:extLst>
              </p:cNvPr>
              <p:cNvSpPr/>
              <p:nvPr/>
            </p:nvSpPr>
            <p:spPr>
              <a:xfrm>
                <a:off x="7718516" y="7036838"/>
                <a:ext cx="398351" cy="264352"/>
              </a:xfrm>
              <a:custGeom>
                <a:avLst/>
                <a:gdLst>
                  <a:gd name="connsiteX0" fmla="*/ 0 w 398351"/>
                  <a:gd name="connsiteY0" fmla="*/ 58191 h 264352"/>
                  <a:gd name="connsiteX1" fmla="*/ 336848 w 398351"/>
                  <a:gd name="connsiteY1" fmla="*/ 258627 h 264352"/>
                  <a:gd name="connsiteX2" fmla="*/ 395040 w 398351"/>
                  <a:gd name="connsiteY2" fmla="*/ 239737 h 264352"/>
                  <a:gd name="connsiteX3" fmla="*/ 395040 w 398351"/>
                  <a:gd name="connsiteY3" fmla="*/ 239737 h 264352"/>
                  <a:gd name="connsiteX4" fmla="*/ 388194 w 398351"/>
                  <a:gd name="connsiteY4" fmla="*/ 196632 h 264352"/>
                  <a:gd name="connsiteX5" fmla="*/ 247977 w 398351"/>
                  <a:gd name="connsiteY5" fmla="*/ 38160 h 264352"/>
                  <a:gd name="connsiteX6" fmla="*/ 170896 w 398351"/>
                  <a:gd name="connsiteY6" fmla="*/ 2155 h 264352"/>
                  <a:gd name="connsiteX7" fmla="*/ 97746 w 398351"/>
                  <a:gd name="connsiteY7" fmla="*/ 0 h 2643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98351" h="264352">
                    <a:moveTo>
                      <a:pt x="0" y="58191"/>
                    </a:moveTo>
                    <a:lnTo>
                      <a:pt x="336848" y="258627"/>
                    </a:lnTo>
                    <a:cubicBezTo>
                      <a:pt x="358020" y="271178"/>
                      <a:pt x="385278" y="262303"/>
                      <a:pt x="395040" y="239737"/>
                    </a:cubicBezTo>
                    <a:lnTo>
                      <a:pt x="395040" y="239737"/>
                    </a:lnTo>
                    <a:cubicBezTo>
                      <a:pt x="401252" y="225284"/>
                      <a:pt x="398589" y="208423"/>
                      <a:pt x="388194" y="196632"/>
                    </a:cubicBezTo>
                    <a:lnTo>
                      <a:pt x="247977" y="38160"/>
                    </a:lnTo>
                    <a:cubicBezTo>
                      <a:pt x="228327" y="15974"/>
                      <a:pt x="200436" y="2916"/>
                      <a:pt x="170896" y="2155"/>
                    </a:cubicBezTo>
                    <a:lnTo>
                      <a:pt x="97746" y="0"/>
                    </a:lnTo>
                  </a:path>
                </a:pathLst>
              </a:custGeom>
              <a:solidFill>
                <a:srgbClr val="FFFFFF"/>
              </a:solidFill>
              <a:ln w="12674" cap="rnd">
                <a:solidFill>
                  <a:schemeClr val="tx1"/>
                </a:solidFill>
                <a:prstDash val="solid"/>
                <a:round/>
              </a:ln>
            </p:spPr>
            <p:txBody>
              <a:bodyPr rtlCol="0" anchor="ctr"/>
              <a:lstStyle/>
              <a:p>
                <a:endParaRPr lang="es-ES" sz="1092"/>
              </a:p>
            </p:txBody>
          </p:sp>
          <p:sp>
            <p:nvSpPr>
              <p:cNvPr id="1065" name="Freeform: Shape 1064">
                <a:extLst>
                  <a:ext uri="{FF2B5EF4-FFF2-40B4-BE49-F238E27FC236}">
                    <a16:creationId xmlns:a16="http://schemas.microsoft.com/office/drawing/2014/main" id="{EF3A1860-7643-57CF-D273-E2B25D96E939}"/>
                  </a:ext>
                </a:extLst>
              </p:cNvPr>
              <p:cNvSpPr/>
              <p:nvPr/>
            </p:nvSpPr>
            <p:spPr>
              <a:xfrm>
                <a:off x="7667574" y="6597588"/>
                <a:ext cx="149321" cy="444575"/>
              </a:xfrm>
              <a:custGeom>
                <a:avLst/>
                <a:gdLst>
                  <a:gd name="connsiteX0" fmla="*/ 148688 w 149321"/>
                  <a:gd name="connsiteY0" fmla="*/ 444575 h 444575"/>
                  <a:gd name="connsiteX1" fmla="*/ 149322 w 149321"/>
                  <a:gd name="connsiteY1" fmla="*/ 40788 h 444575"/>
                  <a:gd name="connsiteX2" fmla="*/ 103428 w 149321"/>
                  <a:gd name="connsiteY2" fmla="*/ 346 h 444575"/>
                  <a:gd name="connsiteX3" fmla="*/ 103428 w 149321"/>
                  <a:gd name="connsiteY3" fmla="*/ 346 h 444575"/>
                  <a:gd name="connsiteX4" fmla="*/ 69959 w 149321"/>
                  <a:gd name="connsiteY4" fmla="*/ 28237 h 444575"/>
                  <a:gd name="connsiteX5" fmla="*/ 5175 w 149321"/>
                  <a:gd name="connsiteY5" fmla="*/ 229560 h 444575"/>
                  <a:gd name="connsiteX6" fmla="*/ 13543 w 149321"/>
                  <a:gd name="connsiteY6" fmla="*/ 314248 h 444575"/>
                  <a:gd name="connsiteX7" fmla="*/ 52717 w 149321"/>
                  <a:gd name="connsiteY7" fmla="*/ 384483 h 4445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49321" h="444575">
                    <a:moveTo>
                      <a:pt x="148688" y="444575"/>
                    </a:moveTo>
                    <a:lnTo>
                      <a:pt x="149322" y="40788"/>
                    </a:lnTo>
                    <a:cubicBezTo>
                      <a:pt x="149322" y="16193"/>
                      <a:pt x="127769" y="-2824"/>
                      <a:pt x="103428" y="346"/>
                    </a:cubicBezTo>
                    <a:lnTo>
                      <a:pt x="103428" y="346"/>
                    </a:lnTo>
                    <a:cubicBezTo>
                      <a:pt x="87834" y="2374"/>
                      <a:pt x="74776" y="13277"/>
                      <a:pt x="69959" y="28237"/>
                    </a:cubicBezTo>
                    <a:lnTo>
                      <a:pt x="5175" y="229560"/>
                    </a:lnTo>
                    <a:cubicBezTo>
                      <a:pt x="-3953" y="257705"/>
                      <a:pt x="-910" y="288385"/>
                      <a:pt x="13543" y="314248"/>
                    </a:cubicBezTo>
                    <a:lnTo>
                      <a:pt x="52717" y="384483"/>
                    </a:lnTo>
                  </a:path>
                </a:pathLst>
              </a:custGeom>
              <a:solidFill>
                <a:srgbClr val="FFFFFF"/>
              </a:solidFill>
              <a:ln w="12674" cap="rnd">
                <a:solidFill>
                  <a:schemeClr val="tx1"/>
                </a:solidFill>
                <a:prstDash val="solid"/>
                <a:round/>
              </a:ln>
            </p:spPr>
            <p:txBody>
              <a:bodyPr rtlCol="0" anchor="ctr"/>
              <a:lstStyle/>
              <a:p>
                <a:endParaRPr lang="es-ES" sz="1092"/>
              </a:p>
            </p:txBody>
          </p:sp>
          <p:sp>
            <p:nvSpPr>
              <p:cNvPr id="1066" name="Freeform: Shape 1065">
                <a:extLst>
                  <a:ext uri="{FF2B5EF4-FFF2-40B4-BE49-F238E27FC236}">
                    <a16:creationId xmlns:a16="http://schemas.microsoft.com/office/drawing/2014/main" id="{41F46643-65BF-342F-0733-630E1C5ECFB0}"/>
                  </a:ext>
                </a:extLst>
              </p:cNvPr>
              <p:cNvSpPr/>
              <p:nvPr/>
            </p:nvSpPr>
            <p:spPr>
              <a:xfrm>
                <a:off x="7708120" y="7590731"/>
                <a:ext cx="86589" cy="86589"/>
              </a:xfrm>
              <a:custGeom>
                <a:avLst/>
                <a:gdLst>
                  <a:gd name="connsiteX0" fmla="*/ 7480 w 86589"/>
                  <a:gd name="connsiteY0" fmla="*/ 0 h 86589"/>
                  <a:gd name="connsiteX1" fmla="*/ 78856 w 86589"/>
                  <a:gd name="connsiteY1" fmla="*/ 0 h 86589"/>
                  <a:gd name="connsiteX2" fmla="*/ 86589 w 86589"/>
                  <a:gd name="connsiteY2" fmla="*/ 7733 h 86589"/>
                  <a:gd name="connsiteX3" fmla="*/ 86589 w 86589"/>
                  <a:gd name="connsiteY3" fmla="*/ 86589 h 86589"/>
                  <a:gd name="connsiteX4" fmla="*/ 0 w 86589"/>
                  <a:gd name="connsiteY4" fmla="*/ 86589 h 86589"/>
                  <a:gd name="connsiteX5" fmla="*/ 0 w 86589"/>
                  <a:gd name="connsiteY5" fmla="*/ 7480 h 86589"/>
                  <a:gd name="connsiteX6" fmla="*/ 7480 w 86589"/>
                  <a:gd name="connsiteY6" fmla="*/ 0 h 865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589" h="86589">
                    <a:moveTo>
                      <a:pt x="7480" y="0"/>
                    </a:moveTo>
                    <a:lnTo>
                      <a:pt x="78856" y="0"/>
                    </a:lnTo>
                    <a:cubicBezTo>
                      <a:pt x="83039" y="0"/>
                      <a:pt x="86589" y="3423"/>
                      <a:pt x="86589" y="7733"/>
                    </a:cubicBezTo>
                    <a:lnTo>
                      <a:pt x="86589" y="86589"/>
                    </a:lnTo>
                    <a:lnTo>
                      <a:pt x="0" y="86589"/>
                    </a:lnTo>
                    <a:lnTo>
                      <a:pt x="0" y="7480"/>
                    </a:lnTo>
                    <a:cubicBezTo>
                      <a:pt x="0" y="3296"/>
                      <a:pt x="3423" y="0"/>
                      <a:pt x="7480" y="0"/>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67" name="Freeform: Shape 1066">
                <a:extLst>
                  <a:ext uri="{FF2B5EF4-FFF2-40B4-BE49-F238E27FC236}">
                    <a16:creationId xmlns:a16="http://schemas.microsoft.com/office/drawing/2014/main" id="{35916ABE-245E-AD9F-E06C-27076F5A60EB}"/>
                  </a:ext>
                </a:extLst>
              </p:cNvPr>
              <p:cNvSpPr/>
              <p:nvPr/>
            </p:nvSpPr>
            <p:spPr>
              <a:xfrm>
                <a:off x="7903485" y="6752349"/>
                <a:ext cx="172417" cy="329241"/>
              </a:xfrm>
              <a:custGeom>
                <a:avLst/>
                <a:gdLst>
                  <a:gd name="connsiteX0" fmla="*/ 0 w 172417"/>
                  <a:gd name="connsiteY0" fmla="*/ 0 h 329241"/>
                  <a:gd name="connsiteX1" fmla="*/ 172418 w 172417"/>
                  <a:gd name="connsiteY1" fmla="*/ 286771 h 329241"/>
                  <a:gd name="connsiteX2" fmla="*/ 169629 w 172417"/>
                  <a:gd name="connsiteY2" fmla="*/ 329242 h 329241"/>
                </a:gdLst>
                <a:ahLst/>
                <a:cxnLst>
                  <a:cxn ang="0">
                    <a:pos x="connsiteX0" y="connsiteY0"/>
                  </a:cxn>
                  <a:cxn ang="0">
                    <a:pos x="connsiteX1" y="connsiteY1"/>
                  </a:cxn>
                  <a:cxn ang="0">
                    <a:pos x="connsiteX2" y="connsiteY2"/>
                  </a:cxn>
                </a:cxnLst>
                <a:rect l="l" t="t" r="r" b="b"/>
                <a:pathLst>
                  <a:path w="172417" h="329241">
                    <a:moveTo>
                      <a:pt x="0" y="0"/>
                    </a:moveTo>
                    <a:cubicBezTo>
                      <a:pt x="102563" y="54514"/>
                      <a:pt x="172418" y="162529"/>
                      <a:pt x="172418" y="286771"/>
                    </a:cubicBezTo>
                    <a:cubicBezTo>
                      <a:pt x="172418" y="301224"/>
                      <a:pt x="171530" y="315296"/>
                      <a:pt x="169629" y="329242"/>
                    </a:cubicBezTo>
                  </a:path>
                </a:pathLst>
              </a:custGeom>
              <a:noFill/>
              <a:ln w="12674" cap="rnd">
                <a:solidFill>
                  <a:schemeClr val="tx1"/>
                </a:solidFill>
                <a:prstDash val="solid"/>
                <a:round/>
              </a:ln>
            </p:spPr>
            <p:txBody>
              <a:bodyPr rtlCol="0" anchor="ctr"/>
              <a:lstStyle/>
              <a:p>
                <a:endParaRPr lang="es-ES" sz="1092"/>
              </a:p>
            </p:txBody>
          </p:sp>
          <p:sp>
            <p:nvSpPr>
              <p:cNvPr id="1068" name="Freeform: Shape 1067">
                <a:extLst>
                  <a:ext uri="{FF2B5EF4-FFF2-40B4-BE49-F238E27FC236}">
                    <a16:creationId xmlns:a16="http://schemas.microsoft.com/office/drawing/2014/main" id="{3F9F6E78-67B4-5E76-E141-827750014ACF}"/>
                  </a:ext>
                </a:extLst>
              </p:cNvPr>
              <p:cNvSpPr/>
              <p:nvPr/>
            </p:nvSpPr>
            <p:spPr>
              <a:xfrm>
                <a:off x="7426800" y="6745757"/>
                <a:ext cx="185602" cy="353202"/>
              </a:xfrm>
              <a:custGeom>
                <a:avLst/>
                <a:gdLst>
                  <a:gd name="connsiteX0" fmla="*/ 5451 w 185602"/>
                  <a:gd name="connsiteY0" fmla="*/ 353203 h 353202"/>
                  <a:gd name="connsiteX1" fmla="*/ 0 w 185602"/>
                  <a:gd name="connsiteY1" fmla="*/ 293364 h 353202"/>
                  <a:gd name="connsiteX2" fmla="*/ 185603 w 185602"/>
                  <a:gd name="connsiteY2" fmla="*/ 0 h 353202"/>
                </a:gdLst>
                <a:ahLst/>
                <a:cxnLst>
                  <a:cxn ang="0">
                    <a:pos x="connsiteX0" y="connsiteY0"/>
                  </a:cxn>
                  <a:cxn ang="0">
                    <a:pos x="connsiteX1" y="connsiteY1"/>
                  </a:cxn>
                  <a:cxn ang="0">
                    <a:pos x="connsiteX2" y="connsiteY2"/>
                  </a:cxn>
                </a:cxnLst>
                <a:rect l="l" t="t" r="r" b="b"/>
                <a:pathLst>
                  <a:path w="185602" h="353202">
                    <a:moveTo>
                      <a:pt x="5451" y="353203"/>
                    </a:moveTo>
                    <a:cubicBezTo>
                      <a:pt x="1902" y="333806"/>
                      <a:pt x="0" y="313775"/>
                      <a:pt x="0" y="293364"/>
                    </a:cubicBezTo>
                    <a:cubicBezTo>
                      <a:pt x="0" y="163797"/>
                      <a:pt x="75813" y="51979"/>
                      <a:pt x="185603" y="0"/>
                    </a:cubicBezTo>
                  </a:path>
                </a:pathLst>
              </a:custGeom>
              <a:noFill/>
              <a:ln w="12674" cap="rnd">
                <a:solidFill>
                  <a:schemeClr val="tx1"/>
                </a:solidFill>
                <a:prstDash val="solid"/>
                <a:round/>
              </a:ln>
            </p:spPr>
            <p:txBody>
              <a:bodyPr rtlCol="0" anchor="ctr"/>
              <a:lstStyle/>
              <a:p>
                <a:endParaRPr lang="es-ES" sz="1092"/>
              </a:p>
            </p:txBody>
          </p:sp>
          <p:sp>
            <p:nvSpPr>
              <p:cNvPr id="1069" name="Freeform: Shape 1068">
                <a:extLst>
                  <a:ext uri="{FF2B5EF4-FFF2-40B4-BE49-F238E27FC236}">
                    <a16:creationId xmlns:a16="http://schemas.microsoft.com/office/drawing/2014/main" id="{7B6E8A94-E11D-41FC-B613-306BEDE4920A}"/>
                  </a:ext>
                </a:extLst>
              </p:cNvPr>
              <p:cNvSpPr/>
              <p:nvPr/>
            </p:nvSpPr>
            <p:spPr>
              <a:xfrm>
                <a:off x="7686441" y="6974210"/>
                <a:ext cx="129820" cy="129820"/>
              </a:xfrm>
              <a:custGeom>
                <a:avLst/>
                <a:gdLst>
                  <a:gd name="connsiteX0" fmla="*/ 129820 w 129820"/>
                  <a:gd name="connsiteY0" fmla="*/ 64910 h 129820"/>
                  <a:gd name="connsiteX1" fmla="*/ 64910 w 129820"/>
                  <a:gd name="connsiteY1" fmla="*/ 129821 h 129820"/>
                  <a:gd name="connsiteX2" fmla="*/ 0 w 129820"/>
                  <a:gd name="connsiteY2" fmla="*/ 64910 h 129820"/>
                  <a:gd name="connsiteX3" fmla="*/ 64910 w 129820"/>
                  <a:gd name="connsiteY3" fmla="*/ 0 h 129820"/>
                  <a:gd name="connsiteX4" fmla="*/ 129820 w 129820"/>
                  <a:gd name="connsiteY4" fmla="*/ 64910 h 1298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9820" h="129820">
                    <a:moveTo>
                      <a:pt x="129820" y="64910"/>
                    </a:moveTo>
                    <a:cubicBezTo>
                      <a:pt x="129820" y="100759"/>
                      <a:pt x="100759" y="129821"/>
                      <a:pt x="64910" y="129821"/>
                    </a:cubicBezTo>
                    <a:cubicBezTo>
                      <a:pt x="29061" y="129821"/>
                      <a:pt x="0" y="100759"/>
                      <a:pt x="0" y="64910"/>
                    </a:cubicBezTo>
                    <a:cubicBezTo>
                      <a:pt x="0" y="29061"/>
                      <a:pt x="29061" y="0"/>
                      <a:pt x="64910" y="0"/>
                    </a:cubicBezTo>
                    <a:cubicBezTo>
                      <a:pt x="100759" y="0"/>
                      <a:pt x="129820" y="29061"/>
                      <a:pt x="129820" y="64910"/>
                    </a:cubicBez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1070" name="Graphic 778">
              <a:extLst>
                <a:ext uri="{FF2B5EF4-FFF2-40B4-BE49-F238E27FC236}">
                  <a16:creationId xmlns:a16="http://schemas.microsoft.com/office/drawing/2014/main" id="{3ADC9B7C-79AA-40DB-0497-EEE78EABBFC1}"/>
                </a:ext>
              </a:extLst>
            </p:cNvPr>
            <p:cNvGrpSpPr/>
            <p:nvPr/>
          </p:nvGrpSpPr>
          <p:grpSpPr>
            <a:xfrm>
              <a:off x="10143520" y="7448232"/>
              <a:ext cx="665964" cy="404421"/>
              <a:chOff x="10143520" y="7448232"/>
              <a:chExt cx="665964" cy="404421"/>
            </a:xfrm>
            <a:solidFill>
              <a:srgbClr val="FFFFFF"/>
            </a:solidFill>
          </p:grpSpPr>
          <p:sp>
            <p:nvSpPr>
              <p:cNvPr id="1071" name="Freeform: Shape 1070">
                <a:extLst>
                  <a:ext uri="{FF2B5EF4-FFF2-40B4-BE49-F238E27FC236}">
                    <a16:creationId xmlns:a16="http://schemas.microsoft.com/office/drawing/2014/main" id="{B8DB7A8B-9A59-F56F-885D-178BFD0F0296}"/>
                  </a:ext>
                </a:extLst>
              </p:cNvPr>
              <p:cNvSpPr/>
              <p:nvPr/>
            </p:nvSpPr>
            <p:spPr>
              <a:xfrm>
                <a:off x="10143521" y="7839976"/>
                <a:ext cx="665963" cy="12677"/>
              </a:xfrm>
              <a:custGeom>
                <a:avLst/>
                <a:gdLst>
                  <a:gd name="connsiteX0" fmla="*/ 665963 w 665963"/>
                  <a:gd name="connsiteY0" fmla="*/ 0 h 12677"/>
                  <a:gd name="connsiteX1" fmla="*/ 0 w 665963"/>
                  <a:gd name="connsiteY1" fmla="*/ 0 h 12677"/>
                </a:gdLst>
                <a:ahLst/>
                <a:cxnLst>
                  <a:cxn ang="0">
                    <a:pos x="connsiteX0" y="connsiteY0"/>
                  </a:cxn>
                  <a:cxn ang="0">
                    <a:pos x="connsiteX1" y="connsiteY1"/>
                  </a:cxn>
                </a:cxnLst>
                <a:rect l="l" t="t" r="r" b="b"/>
                <a:pathLst>
                  <a:path w="665963" h="12677">
                    <a:moveTo>
                      <a:pt x="665963" y="0"/>
                    </a:moveTo>
                    <a:lnTo>
                      <a:pt x="0" y="0"/>
                    </a:lnTo>
                  </a:path>
                </a:pathLst>
              </a:custGeom>
              <a:ln w="12674" cap="rnd">
                <a:solidFill>
                  <a:schemeClr val="tx1"/>
                </a:solidFill>
                <a:prstDash val="solid"/>
                <a:round/>
              </a:ln>
            </p:spPr>
            <p:txBody>
              <a:bodyPr rtlCol="0" anchor="ctr"/>
              <a:lstStyle/>
              <a:p>
                <a:endParaRPr lang="es-ES" sz="1092"/>
              </a:p>
            </p:txBody>
          </p:sp>
          <p:grpSp>
            <p:nvGrpSpPr>
              <p:cNvPr id="1072" name="Graphic 778">
                <a:extLst>
                  <a:ext uri="{FF2B5EF4-FFF2-40B4-BE49-F238E27FC236}">
                    <a16:creationId xmlns:a16="http://schemas.microsoft.com/office/drawing/2014/main" id="{840E2978-AC98-E1CA-FC0A-F866C45C2D5A}"/>
                  </a:ext>
                </a:extLst>
              </p:cNvPr>
              <p:cNvGrpSpPr/>
              <p:nvPr/>
            </p:nvGrpSpPr>
            <p:grpSpPr>
              <a:xfrm>
                <a:off x="10143520" y="7448232"/>
                <a:ext cx="665963" cy="391743"/>
                <a:chOff x="10143520" y="7448232"/>
                <a:chExt cx="665963" cy="391743"/>
              </a:xfrm>
              <a:solidFill>
                <a:srgbClr val="FFFFFF"/>
              </a:solidFill>
            </p:grpSpPr>
            <p:sp>
              <p:nvSpPr>
                <p:cNvPr id="1073" name="Freeform: Shape 1072">
                  <a:extLst>
                    <a:ext uri="{FF2B5EF4-FFF2-40B4-BE49-F238E27FC236}">
                      <a16:creationId xmlns:a16="http://schemas.microsoft.com/office/drawing/2014/main" id="{93CA977E-A575-C881-2B44-7FFD8236A3D3}"/>
                    </a:ext>
                  </a:extLst>
                </p:cNvPr>
                <p:cNvSpPr/>
                <p:nvPr/>
              </p:nvSpPr>
              <p:spPr>
                <a:xfrm>
                  <a:off x="10146690" y="7448232"/>
                  <a:ext cx="659624" cy="233651"/>
                </a:xfrm>
                <a:custGeom>
                  <a:avLst/>
                  <a:gdLst>
                    <a:gd name="connsiteX0" fmla="*/ 0 w 659624"/>
                    <a:gd name="connsiteY0" fmla="*/ 233652 h 233651"/>
                    <a:gd name="connsiteX1" fmla="*/ 104845 w 659624"/>
                    <a:gd name="connsiteY1" fmla="*/ 18383 h 233651"/>
                    <a:gd name="connsiteX2" fmla="*/ 135019 w 659624"/>
                    <a:gd name="connsiteY2" fmla="*/ 0 h 233651"/>
                    <a:gd name="connsiteX3" fmla="*/ 524606 w 659624"/>
                    <a:gd name="connsiteY3" fmla="*/ 0 h 233651"/>
                    <a:gd name="connsiteX4" fmla="*/ 554780 w 659624"/>
                    <a:gd name="connsiteY4" fmla="*/ 18383 h 233651"/>
                    <a:gd name="connsiteX5" fmla="*/ 659625 w 659624"/>
                    <a:gd name="connsiteY5" fmla="*/ 233652 h 2336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59624" h="233651">
                      <a:moveTo>
                        <a:pt x="0" y="233652"/>
                      </a:moveTo>
                      <a:lnTo>
                        <a:pt x="104845" y="18383"/>
                      </a:lnTo>
                      <a:cubicBezTo>
                        <a:pt x="110677" y="7100"/>
                        <a:pt x="122341" y="0"/>
                        <a:pt x="135019" y="0"/>
                      </a:cubicBezTo>
                      <a:lnTo>
                        <a:pt x="524606" y="0"/>
                      </a:lnTo>
                      <a:cubicBezTo>
                        <a:pt x="537284" y="0"/>
                        <a:pt x="548948" y="7100"/>
                        <a:pt x="554780" y="18383"/>
                      </a:cubicBezTo>
                      <a:lnTo>
                        <a:pt x="659625" y="233652"/>
                      </a:lnTo>
                    </a:path>
                  </a:pathLst>
                </a:custGeom>
                <a:solidFill>
                  <a:srgbClr val="FFFFFF"/>
                </a:solidFill>
                <a:ln w="12674" cap="rnd">
                  <a:solidFill>
                    <a:schemeClr val="tx1"/>
                  </a:solidFill>
                  <a:prstDash val="solid"/>
                  <a:round/>
                </a:ln>
              </p:spPr>
              <p:txBody>
                <a:bodyPr rtlCol="0" anchor="ctr"/>
                <a:lstStyle/>
                <a:p>
                  <a:endParaRPr lang="es-ES" sz="1092"/>
                </a:p>
              </p:txBody>
            </p:sp>
            <p:sp>
              <p:nvSpPr>
                <p:cNvPr id="1074" name="Freeform: Shape 1073">
                  <a:extLst>
                    <a:ext uri="{FF2B5EF4-FFF2-40B4-BE49-F238E27FC236}">
                      <a16:creationId xmlns:a16="http://schemas.microsoft.com/office/drawing/2014/main" id="{55733461-C3FE-A63E-2A14-BD9F7F47C125}"/>
                    </a:ext>
                  </a:extLst>
                </p:cNvPr>
                <p:cNvSpPr/>
                <p:nvPr/>
              </p:nvSpPr>
              <p:spPr>
                <a:xfrm>
                  <a:off x="10226433" y="7516439"/>
                  <a:ext cx="499377" cy="12677"/>
                </a:xfrm>
                <a:custGeom>
                  <a:avLst/>
                  <a:gdLst>
                    <a:gd name="connsiteX0" fmla="*/ 0 w 499377"/>
                    <a:gd name="connsiteY0" fmla="*/ 0 h 12677"/>
                    <a:gd name="connsiteX1" fmla="*/ 499378 w 499377"/>
                    <a:gd name="connsiteY1" fmla="*/ 0 h 12677"/>
                  </a:gdLst>
                  <a:ahLst/>
                  <a:cxnLst>
                    <a:cxn ang="0">
                      <a:pos x="connsiteX0" y="connsiteY0"/>
                    </a:cxn>
                    <a:cxn ang="0">
                      <a:pos x="connsiteX1" y="connsiteY1"/>
                    </a:cxn>
                  </a:cxnLst>
                  <a:rect l="l" t="t" r="r" b="b"/>
                  <a:pathLst>
                    <a:path w="499377" h="12677">
                      <a:moveTo>
                        <a:pt x="0" y="0"/>
                      </a:moveTo>
                      <a:lnTo>
                        <a:pt x="499378" y="0"/>
                      </a:lnTo>
                    </a:path>
                  </a:pathLst>
                </a:custGeom>
                <a:ln w="12674" cap="rnd">
                  <a:solidFill>
                    <a:schemeClr val="tx1"/>
                  </a:solidFill>
                  <a:prstDash val="solid"/>
                  <a:round/>
                </a:ln>
              </p:spPr>
              <p:txBody>
                <a:bodyPr rtlCol="0" anchor="ctr"/>
                <a:lstStyle/>
                <a:p>
                  <a:endParaRPr lang="es-ES" sz="1092"/>
                </a:p>
              </p:txBody>
            </p:sp>
            <p:sp>
              <p:nvSpPr>
                <p:cNvPr id="1075" name="Freeform: Shape 1074">
                  <a:extLst>
                    <a:ext uri="{FF2B5EF4-FFF2-40B4-BE49-F238E27FC236}">
                      <a16:creationId xmlns:a16="http://schemas.microsoft.com/office/drawing/2014/main" id="{26DD54AD-5F6A-2007-EF78-888E1BC1203C}"/>
                    </a:ext>
                  </a:extLst>
                </p:cNvPr>
                <p:cNvSpPr/>
                <p:nvPr/>
              </p:nvSpPr>
              <p:spPr>
                <a:xfrm>
                  <a:off x="10195373" y="7584518"/>
                  <a:ext cx="563653" cy="12677"/>
                </a:xfrm>
                <a:custGeom>
                  <a:avLst/>
                  <a:gdLst>
                    <a:gd name="connsiteX0" fmla="*/ 0 w 563653"/>
                    <a:gd name="connsiteY0" fmla="*/ 0 h 12677"/>
                    <a:gd name="connsiteX1" fmla="*/ 563654 w 563653"/>
                    <a:gd name="connsiteY1" fmla="*/ 0 h 12677"/>
                  </a:gdLst>
                  <a:ahLst/>
                  <a:cxnLst>
                    <a:cxn ang="0">
                      <a:pos x="connsiteX0" y="connsiteY0"/>
                    </a:cxn>
                    <a:cxn ang="0">
                      <a:pos x="connsiteX1" y="connsiteY1"/>
                    </a:cxn>
                  </a:cxnLst>
                  <a:rect l="l" t="t" r="r" b="b"/>
                  <a:pathLst>
                    <a:path w="563653" h="12677">
                      <a:moveTo>
                        <a:pt x="0" y="0"/>
                      </a:moveTo>
                      <a:lnTo>
                        <a:pt x="563654" y="0"/>
                      </a:lnTo>
                    </a:path>
                  </a:pathLst>
                </a:custGeom>
                <a:ln w="12674" cap="rnd">
                  <a:solidFill>
                    <a:schemeClr val="tx1"/>
                  </a:solidFill>
                  <a:prstDash val="solid"/>
                  <a:round/>
                </a:ln>
              </p:spPr>
              <p:txBody>
                <a:bodyPr rtlCol="0" anchor="ctr"/>
                <a:lstStyle/>
                <a:p>
                  <a:endParaRPr lang="es-ES" sz="1092"/>
                </a:p>
              </p:txBody>
            </p:sp>
            <p:sp>
              <p:nvSpPr>
                <p:cNvPr id="1076" name="Freeform: Shape 1075">
                  <a:extLst>
                    <a:ext uri="{FF2B5EF4-FFF2-40B4-BE49-F238E27FC236}">
                      <a16:creationId xmlns:a16="http://schemas.microsoft.com/office/drawing/2014/main" id="{C1FF57EA-F404-87D7-F60F-E58813546F88}"/>
                    </a:ext>
                  </a:extLst>
                </p:cNvPr>
                <p:cNvSpPr/>
                <p:nvPr/>
              </p:nvSpPr>
              <p:spPr>
                <a:xfrm>
                  <a:off x="10270045" y="7448232"/>
                  <a:ext cx="65797" cy="205506"/>
                </a:xfrm>
                <a:custGeom>
                  <a:avLst/>
                  <a:gdLst>
                    <a:gd name="connsiteX0" fmla="*/ 0 w 65797"/>
                    <a:gd name="connsiteY0" fmla="*/ 205507 h 205506"/>
                    <a:gd name="connsiteX1" fmla="*/ 65798 w 65797"/>
                    <a:gd name="connsiteY1" fmla="*/ 0 h 205506"/>
                  </a:gdLst>
                  <a:ahLst/>
                  <a:cxnLst>
                    <a:cxn ang="0">
                      <a:pos x="connsiteX0" y="connsiteY0"/>
                    </a:cxn>
                    <a:cxn ang="0">
                      <a:pos x="connsiteX1" y="connsiteY1"/>
                    </a:cxn>
                  </a:cxnLst>
                  <a:rect l="l" t="t" r="r" b="b"/>
                  <a:pathLst>
                    <a:path w="65797" h="205506">
                      <a:moveTo>
                        <a:pt x="0" y="205507"/>
                      </a:moveTo>
                      <a:lnTo>
                        <a:pt x="65798" y="0"/>
                      </a:lnTo>
                    </a:path>
                  </a:pathLst>
                </a:custGeom>
                <a:ln w="12674" cap="rnd">
                  <a:solidFill>
                    <a:schemeClr val="tx1"/>
                  </a:solidFill>
                  <a:prstDash val="solid"/>
                  <a:round/>
                </a:ln>
              </p:spPr>
              <p:txBody>
                <a:bodyPr rtlCol="0" anchor="ctr"/>
                <a:lstStyle/>
                <a:p>
                  <a:endParaRPr lang="es-ES" sz="1092"/>
                </a:p>
              </p:txBody>
            </p:sp>
            <p:sp>
              <p:nvSpPr>
                <p:cNvPr id="1077" name="Freeform: Shape 1076">
                  <a:extLst>
                    <a:ext uri="{FF2B5EF4-FFF2-40B4-BE49-F238E27FC236}">
                      <a16:creationId xmlns:a16="http://schemas.microsoft.com/office/drawing/2014/main" id="{AF27DD76-C3A2-D2CC-BDE2-CA5ADCF78B45}"/>
                    </a:ext>
                  </a:extLst>
                </p:cNvPr>
                <p:cNvSpPr/>
                <p:nvPr/>
              </p:nvSpPr>
              <p:spPr>
                <a:xfrm>
                  <a:off x="10378567" y="7448232"/>
                  <a:ext cx="28905" cy="209817"/>
                </a:xfrm>
                <a:custGeom>
                  <a:avLst/>
                  <a:gdLst>
                    <a:gd name="connsiteX0" fmla="*/ 0 w 28905"/>
                    <a:gd name="connsiteY0" fmla="*/ 209817 h 209817"/>
                    <a:gd name="connsiteX1" fmla="*/ 28905 w 28905"/>
                    <a:gd name="connsiteY1" fmla="*/ 0 h 209817"/>
                  </a:gdLst>
                  <a:ahLst/>
                  <a:cxnLst>
                    <a:cxn ang="0">
                      <a:pos x="connsiteX0" y="connsiteY0"/>
                    </a:cxn>
                    <a:cxn ang="0">
                      <a:pos x="connsiteX1" y="connsiteY1"/>
                    </a:cxn>
                  </a:cxnLst>
                  <a:rect l="l" t="t" r="r" b="b"/>
                  <a:pathLst>
                    <a:path w="28905" h="209817">
                      <a:moveTo>
                        <a:pt x="0" y="209817"/>
                      </a:moveTo>
                      <a:lnTo>
                        <a:pt x="28905" y="0"/>
                      </a:lnTo>
                    </a:path>
                  </a:pathLst>
                </a:custGeom>
                <a:ln w="12674" cap="rnd">
                  <a:solidFill>
                    <a:schemeClr val="tx1"/>
                  </a:solidFill>
                  <a:prstDash val="solid"/>
                  <a:round/>
                </a:ln>
              </p:spPr>
              <p:txBody>
                <a:bodyPr rtlCol="0" anchor="ctr"/>
                <a:lstStyle/>
                <a:p>
                  <a:endParaRPr lang="es-ES" sz="1092"/>
                </a:p>
              </p:txBody>
            </p:sp>
            <p:sp>
              <p:nvSpPr>
                <p:cNvPr id="1078" name="Freeform: Shape 1077">
                  <a:extLst>
                    <a:ext uri="{FF2B5EF4-FFF2-40B4-BE49-F238E27FC236}">
                      <a16:creationId xmlns:a16="http://schemas.microsoft.com/office/drawing/2014/main" id="{FC3B8488-B989-7CF7-A9AB-F05243D8F426}"/>
                    </a:ext>
                  </a:extLst>
                </p:cNvPr>
                <p:cNvSpPr/>
                <p:nvPr/>
              </p:nvSpPr>
              <p:spPr>
                <a:xfrm>
                  <a:off x="10476185" y="7448232"/>
                  <a:ext cx="380" cy="209817"/>
                </a:xfrm>
                <a:custGeom>
                  <a:avLst/>
                  <a:gdLst>
                    <a:gd name="connsiteX0" fmla="*/ 0 w 380"/>
                    <a:gd name="connsiteY0" fmla="*/ 209817 h 209817"/>
                    <a:gd name="connsiteX1" fmla="*/ 380 w 380"/>
                    <a:gd name="connsiteY1" fmla="*/ 0 h 209817"/>
                  </a:gdLst>
                  <a:ahLst/>
                  <a:cxnLst>
                    <a:cxn ang="0">
                      <a:pos x="connsiteX0" y="connsiteY0"/>
                    </a:cxn>
                    <a:cxn ang="0">
                      <a:pos x="connsiteX1" y="connsiteY1"/>
                    </a:cxn>
                  </a:cxnLst>
                  <a:rect l="l" t="t" r="r" b="b"/>
                  <a:pathLst>
                    <a:path w="380" h="209817">
                      <a:moveTo>
                        <a:pt x="0" y="209817"/>
                      </a:moveTo>
                      <a:lnTo>
                        <a:pt x="380" y="0"/>
                      </a:lnTo>
                    </a:path>
                  </a:pathLst>
                </a:custGeom>
                <a:ln w="12674" cap="rnd">
                  <a:solidFill>
                    <a:schemeClr val="tx1"/>
                  </a:solidFill>
                  <a:prstDash val="solid"/>
                  <a:round/>
                </a:ln>
              </p:spPr>
              <p:txBody>
                <a:bodyPr rtlCol="0" anchor="ctr"/>
                <a:lstStyle/>
                <a:p>
                  <a:endParaRPr lang="es-ES" sz="1092"/>
                </a:p>
              </p:txBody>
            </p:sp>
            <p:sp>
              <p:nvSpPr>
                <p:cNvPr id="1079" name="Freeform: Shape 1078">
                  <a:extLst>
                    <a:ext uri="{FF2B5EF4-FFF2-40B4-BE49-F238E27FC236}">
                      <a16:creationId xmlns:a16="http://schemas.microsoft.com/office/drawing/2014/main" id="{85A5EEFC-6F70-1C44-B450-E06E31608D33}"/>
                    </a:ext>
                  </a:extLst>
                </p:cNvPr>
                <p:cNvSpPr/>
                <p:nvPr/>
              </p:nvSpPr>
              <p:spPr>
                <a:xfrm>
                  <a:off x="10617289" y="7448232"/>
                  <a:ext cx="65797" cy="205506"/>
                </a:xfrm>
                <a:custGeom>
                  <a:avLst/>
                  <a:gdLst>
                    <a:gd name="connsiteX0" fmla="*/ 65797 w 65797"/>
                    <a:gd name="connsiteY0" fmla="*/ 205507 h 205506"/>
                    <a:gd name="connsiteX1" fmla="*/ 0 w 65797"/>
                    <a:gd name="connsiteY1" fmla="*/ 0 h 205506"/>
                  </a:gdLst>
                  <a:ahLst/>
                  <a:cxnLst>
                    <a:cxn ang="0">
                      <a:pos x="connsiteX0" y="connsiteY0"/>
                    </a:cxn>
                    <a:cxn ang="0">
                      <a:pos x="connsiteX1" y="connsiteY1"/>
                    </a:cxn>
                  </a:cxnLst>
                  <a:rect l="l" t="t" r="r" b="b"/>
                  <a:pathLst>
                    <a:path w="65797" h="205506">
                      <a:moveTo>
                        <a:pt x="65797" y="205507"/>
                      </a:moveTo>
                      <a:lnTo>
                        <a:pt x="0" y="0"/>
                      </a:lnTo>
                    </a:path>
                  </a:pathLst>
                </a:custGeom>
                <a:ln w="12674" cap="rnd">
                  <a:solidFill>
                    <a:schemeClr val="tx1"/>
                  </a:solidFill>
                  <a:prstDash val="solid"/>
                  <a:round/>
                </a:ln>
              </p:spPr>
              <p:txBody>
                <a:bodyPr rtlCol="0" anchor="ctr"/>
                <a:lstStyle/>
                <a:p>
                  <a:endParaRPr lang="es-ES" sz="1092"/>
                </a:p>
              </p:txBody>
            </p:sp>
            <p:sp>
              <p:nvSpPr>
                <p:cNvPr id="1080" name="Freeform: Shape 1079">
                  <a:extLst>
                    <a:ext uri="{FF2B5EF4-FFF2-40B4-BE49-F238E27FC236}">
                      <a16:creationId xmlns:a16="http://schemas.microsoft.com/office/drawing/2014/main" id="{D10FF837-88D0-6C3A-61ED-D7B425477270}"/>
                    </a:ext>
                  </a:extLst>
                </p:cNvPr>
                <p:cNvSpPr/>
                <p:nvPr/>
              </p:nvSpPr>
              <p:spPr>
                <a:xfrm>
                  <a:off x="10545533" y="7448232"/>
                  <a:ext cx="28905" cy="209817"/>
                </a:xfrm>
                <a:custGeom>
                  <a:avLst/>
                  <a:gdLst>
                    <a:gd name="connsiteX0" fmla="*/ 28905 w 28905"/>
                    <a:gd name="connsiteY0" fmla="*/ 209817 h 209817"/>
                    <a:gd name="connsiteX1" fmla="*/ 0 w 28905"/>
                    <a:gd name="connsiteY1" fmla="*/ 0 h 209817"/>
                  </a:gdLst>
                  <a:ahLst/>
                  <a:cxnLst>
                    <a:cxn ang="0">
                      <a:pos x="connsiteX0" y="connsiteY0"/>
                    </a:cxn>
                    <a:cxn ang="0">
                      <a:pos x="connsiteX1" y="connsiteY1"/>
                    </a:cxn>
                  </a:cxnLst>
                  <a:rect l="l" t="t" r="r" b="b"/>
                  <a:pathLst>
                    <a:path w="28905" h="209817">
                      <a:moveTo>
                        <a:pt x="28905" y="209817"/>
                      </a:moveTo>
                      <a:lnTo>
                        <a:pt x="0" y="0"/>
                      </a:lnTo>
                    </a:path>
                  </a:pathLst>
                </a:custGeom>
                <a:ln w="12674" cap="rnd">
                  <a:solidFill>
                    <a:schemeClr val="tx1"/>
                  </a:solidFill>
                  <a:prstDash val="solid"/>
                  <a:round/>
                </a:ln>
              </p:spPr>
              <p:txBody>
                <a:bodyPr rtlCol="0" anchor="ctr"/>
                <a:lstStyle/>
                <a:p>
                  <a:endParaRPr lang="es-ES" sz="1092"/>
                </a:p>
              </p:txBody>
            </p:sp>
            <p:sp>
              <p:nvSpPr>
                <p:cNvPr id="1081" name="Freeform: Shape 1080">
                  <a:extLst>
                    <a:ext uri="{FF2B5EF4-FFF2-40B4-BE49-F238E27FC236}">
                      <a16:creationId xmlns:a16="http://schemas.microsoft.com/office/drawing/2014/main" id="{B8A25845-A0BF-7B5C-05A9-A5BED0C61DE1}"/>
                    </a:ext>
                  </a:extLst>
                </p:cNvPr>
                <p:cNvSpPr/>
                <p:nvPr/>
              </p:nvSpPr>
              <p:spPr>
                <a:xfrm>
                  <a:off x="10378567" y="7736398"/>
                  <a:ext cx="195871" cy="103577"/>
                </a:xfrm>
                <a:custGeom>
                  <a:avLst/>
                  <a:gdLst>
                    <a:gd name="connsiteX0" fmla="*/ 0 w 195871"/>
                    <a:gd name="connsiteY0" fmla="*/ 0 h 103577"/>
                    <a:gd name="connsiteX1" fmla="*/ 195872 w 195871"/>
                    <a:gd name="connsiteY1" fmla="*/ 0 h 103577"/>
                    <a:gd name="connsiteX2" fmla="*/ 195872 w 195871"/>
                    <a:gd name="connsiteY2" fmla="*/ 103577 h 103577"/>
                    <a:gd name="connsiteX3" fmla="*/ 0 w 195871"/>
                    <a:gd name="connsiteY3" fmla="*/ 103577 h 103577"/>
                  </a:gdLst>
                  <a:ahLst/>
                  <a:cxnLst>
                    <a:cxn ang="0">
                      <a:pos x="connsiteX0" y="connsiteY0"/>
                    </a:cxn>
                    <a:cxn ang="0">
                      <a:pos x="connsiteX1" y="connsiteY1"/>
                    </a:cxn>
                    <a:cxn ang="0">
                      <a:pos x="connsiteX2" y="connsiteY2"/>
                    </a:cxn>
                    <a:cxn ang="0">
                      <a:pos x="connsiteX3" y="connsiteY3"/>
                    </a:cxn>
                  </a:cxnLst>
                  <a:rect l="l" t="t" r="r" b="b"/>
                  <a:pathLst>
                    <a:path w="195871" h="103577">
                      <a:moveTo>
                        <a:pt x="0" y="0"/>
                      </a:moveTo>
                      <a:lnTo>
                        <a:pt x="195872" y="0"/>
                      </a:lnTo>
                      <a:lnTo>
                        <a:pt x="195872" y="103577"/>
                      </a:lnTo>
                      <a:lnTo>
                        <a:pt x="0" y="103577"/>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82" name="Freeform: Shape 1081">
                  <a:extLst>
                    <a:ext uri="{FF2B5EF4-FFF2-40B4-BE49-F238E27FC236}">
                      <a16:creationId xmlns:a16="http://schemas.microsoft.com/office/drawing/2014/main" id="{EBDBC417-73C0-A8FD-5741-76FD98FB2F55}"/>
                    </a:ext>
                  </a:extLst>
                </p:cNvPr>
                <p:cNvSpPr/>
                <p:nvPr/>
              </p:nvSpPr>
              <p:spPr>
                <a:xfrm>
                  <a:off x="10143520" y="7658049"/>
                  <a:ext cx="665963" cy="78348"/>
                </a:xfrm>
                <a:custGeom>
                  <a:avLst/>
                  <a:gdLst>
                    <a:gd name="connsiteX0" fmla="*/ 626789 w 665963"/>
                    <a:gd name="connsiteY0" fmla="*/ 78349 h 78348"/>
                    <a:gd name="connsiteX1" fmla="*/ 39175 w 665963"/>
                    <a:gd name="connsiteY1" fmla="*/ 78349 h 78348"/>
                    <a:gd name="connsiteX2" fmla="*/ 0 w 665963"/>
                    <a:gd name="connsiteY2" fmla="*/ 39174 h 78348"/>
                    <a:gd name="connsiteX3" fmla="*/ 0 w 665963"/>
                    <a:gd name="connsiteY3" fmla="*/ 39174 h 78348"/>
                    <a:gd name="connsiteX4" fmla="*/ 39175 w 665963"/>
                    <a:gd name="connsiteY4" fmla="*/ 0 h 78348"/>
                    <a:gd name="connsiteX5" fmla="*/ 626789 w 665963"/>
                    <a:gd name="connsiteY5" fmla="*/ 0 h 78348"/>
                    <a:gd name="connsiteX6" fmla="*/ 665964 w 665963"/>
                    <a:gd name="connsiteY6" fmla="*/ 39174 h 78348"/>
                    <a:gd name="connsiteX7" fmla="*/ 665964 w 665963"/>
                    <a:gd name="connsiteY7" fmla="*/ 39174 h 78348"/>
                    <a:gd name="connsiteX8" fmla="*/ 626789 w 665963"/>
                    <a:gd name="connsiteY8" fmla="*/ 78349 h 783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65963" h="78348">
                      <a:moveTo>
                        <a:pt x="626789" y="78349"/>
                      </a:moveTo>
                      <a:lnTo>
                        <a:pt x="39175" y="78349"/>
                      </a:lnTo>
                      <a:cubicBezTo>
                        <a:pt x="17495" y="78349"/>
                        <a:pt x="0" y="60853"/>
                        <a:pt x="0" y="39174"/>
                      </a:cubicBezTo>
                      <a:lnTo>
                        <a:pt x="0" y="39174"/>
                      </a:lnTo>
                      <a:cubicBezTo>
                        <a:pt x="0" y="17495"/>
                        <a:pt x="17495" y="0"/>
                        <a:pt x="39175" y="0"/>
                      </a:cubicBezTo>
                      <a:lnTo>
                        <a:pt x="626789" y="0"/>
                      </a:lnTo>
                      <a:cubicBezTo>
                        <a:pt x="648469" y="0"/>
                        <a:pt x="665964" y="17495"/>
                        <a:pt x="665964" y="39174"/>
                      </a:cubicBezTo>
                      <a:lnTo>
                        <a:pt x="665964" y="39174"/>
                      </a:lnTo>
                      <a:cubicBezTo>
                        <a:pt x="665964" y="60853"/>
                        <a:pt x="648469" y="78349"/>
                        <a:pt x="626789" y="78349"/>
                      </a:cubicBezTo>
                      <a:close/>
                    </a:path>
                  </a:pathLst>
                </a:custGeom>
                <a:solidFill>
                  <a:srgbClr val="FFFFFF"/>
                </a:solidFill>
                <a:ln w="12674" cap="rnd">
                  <a:solidFill>
                    <a:schemeClr val="tx1"/>
                  </a:solidFill>
                  <a:prstDash val="solid"/>
                  <a:round/>
                </a:ln>
              </p:spPr>
              <p:txBody>
                <a:bodyPr rtlCol="0" anchor="ctr"/>
                <a:lstStyle/>
                <a:p>
                  <a:endParaRPr lang="es-ES" sz="1092"/>
                </a:p>
              </p:txBody>
            </p:sp>
          </p:grpSp>
        </p:grpSp>
        <p:grpSp>
          <p:nvGrpSpPr>
            <p:cNvPr id="1083" name="Graphic 778">
              <a:extLst>
                <a:ext uri="{FF2B5EF4-FFF2-40B4-BE49-F238E27FC236}">
                  <a16:creationId xmlns:a16="http://schemas.microsoft.com/office/drawing/2014/main" id="{89C11394-91CE-4A2E-0F2D-3AD2733A70D0}"/>
                </a:ext>
              </a:extLst>
            </p:cNvPr>
            <p:cNvGrpSpPr/>
            <p:nvPr/>
          </p:nvGrpSpPr>
          <p:grpSpPr>
            <a:xfrm>
              <a:off x="10394667" y="8474245"/>
              <a:ext cx="316817" cy="238469"/>
              <a:chOff x="10394667" y="8474245"/>
              <a:chExt cx="316817" cy="238469"/>
            </a:xfrm>
            <a:solidFill>
              <a:srgbClr val="FFFFFF"/>
            </a:solidFill>
          </p:grpSpPr>
          <p:sp>
            <p:nvSpPr>
              <p:cNvPr id="1084" name="Freeform: Shape 1083">
                <a:extLst>
                  <a:ext uri="{FF2B5EF4-FFF2-40B4-BE49-F238E27FC236}">
                    <a16:creationId xmlns:a16="http://schemas.microsoft.com/office/drawing/2014/main" id="{AC2059DD-0A9E-01B4-F02A-B5D9C5F8C89D}"/>
                  </a:ext>
                </a:extLst>
              </p:cNvPr>
              <p:cNvSpPr/>
              <p:nvPr/>
            </p:nvSpPr>
            <p:spPr>
              <a:xfrm>
                <a:off x="10394667" y="8474245"/>
                <a:ext cx="238468" cy="238469"/>
              </a:xfrm>
              <a:custGeom>
                <a:avLst/>
                <a:gdLst>
                  <a:gd name="connsiteX0" fmla="*/ 0 w 238468"/>
                  <a:gd name="connsiteY0" fmla="*/ 0 h 238469"/>
                  <a:gd name="connsiteX1" fmla="*/ 238469 w 238468"/>
                  <a:gd name="connsiteY1" fmla="*/ 0 h 238469"/>
                  <a:gd name="connsiteX2" fmla="*/ 238469 w 238468"/>
                  <a:gd name="connsiteY2" fmla="*/ 238469 h 238469"/>
                  <a:gd name="connsiteX3" fmla="*/ 0 w 238468"/>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238468" h="238469">
                    <a:moveTo>
                      <a:pt x="0" y="0"/>
                    </a:moveTo>
                    <a:lnTo>
                      <a:pt x="238469" y="0"/>
                    </a:lnTo>
                    <a:lnTo>
                      <a:pt x="238469"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85" name="Freeform: Shape 1084">
                <a:extLst>
                  <a:ext uri="{FF2B5EF4-FFF2-40B4-BE49-F238E27FC236}">
                    <a16:creationId xmlns:a16="http://schemas.microsoft.com/office/drawing/2014/main" id="{0AA371EE-3C7D-1F3C-D601-58B666656355}"/>
                  </a:ext>
                </a:extLst>
              </p:cNvPr>
              <p:cNvSpPr/>
              <p:nvPr/>
            </p:nvSpPr>
            <p:spPr>
              <a:xfrm>
                <a:off x="10633009" y="8474245"/>
                <a:ext cx="78475" cy="238469"/>
              </a:xfrm>
              <a:custGeom>
                <a:avLst/>
                <a:gdLst>
                  <a:gd name="connsiteX0" fmla="*/ 0 w 78475"/>
                  <a:gd name="connsiteY0" fmla="*/ 0 h 238469"/>
                  <a:gd name="connsiteX1" fmla="*/ 78476 w 78475"/>
                  <a:gd name="connsiteY1" fmla="*/ 0 h 238469"/>
                  <a:gd name="connsiteX2" fmla="*/ 78476 w 78475"/>
                  <a:gd name="connsiteY2" fmla="*/ 238469 h 238469"/>
                  <a:gd name="connsiteX3" fmla="*/ 0 w 78475"/>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78475" h="238469">
                    <a:moveTo>
                      <a:pt x="0" y="0"/>
                    </a:moveTo>
                    <a:lnTo>
                      <a:pt x="78476" y="0"/>
                    </a:lnTo>
                    <a:lnTo>
                      <a:pt x="78476"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1086" name="Graphic 778">
              <a:extLst>
                <a:ext uri="{FF2B5EF4-FFF2-40B4-BE49-F238E27FC236}">
                  <a16:creationId xmlns:a16="http://schemas.microsoft.com/office/drawing/2014/main" id="{BC5C52AD-FAA6-1083-34DB-8C9A69AA9E06}"/>
                </a:ext>
              </a:extLst>
            </p:cNvPr>
            <p:cNvGrpSpPr/>
            <p:nvPr/>
          </p:nvGrpSpPr>
          <p:grpSpPr>
            <a:xfrm>
              <a:off x="9143498" y="7875980"/>
              <a:ext cx="316817" cy="238469"/>
              <a:chOff x="9143498" y="7875980"/>
              <a:chExt cx="316817" cy="238469"/>
            </a:xfrm>
            <a:solidFill>
              <a:srgbClr val="FFFFFF"/>
            </a:solidFill>
          </p:grpSpPr>
          <p:sp>
            <p:nvSpPr>
              <p:cNvPr id="1087" name="Freeform: Shape 1086">
                <a:extLst>
                  <a:ext uri="{FF2B5EF4-FFF2-40B4-BE49-F238E27FC236}">
                    <a16:creationId xmlns:a16="http://schemas.microsoft.com/office/drawing/2014/main" id="{870099FB-FD68-2CFB-E2A6-E6034C4AC507}"/>
                  </a:ext>
                </a:extLst>
              </p:cNvPr>
              <p:cNvSpPr/>
              <p:nvPr/>
            </p:nvSpPr>
            <p:spPr>
              <a:xfrm>
                <a:off x="9143498" y="7875980"/>
                <a:ext cx="238468" cy="238469"/>
              </a:xfrm>
              <a:custGeom>
                <a:avLst/>
                <a:gdLst>
                  <a:gd name="connsiteX0" fmla="*/ 0 w 238468"/>
                  <a:gd name="connsiteY0" fmla="*/ 0 h 238469"/>
                  <a:gd name="connsiteX1" fmla="*/ 238469 w 238468"/>
                  <a:gd name="connsiteY1" fmla="*/ 0 h 238469"/>
                  <a:gd name="connsiteX2" fmla="*/ 238469 w 238468"/>
                  <a:gd name="connsiteY2" fmla="*/ 238469 h 238469"/>
                  <a:gd name="connsiteX3" fmla="*/ 0 w 238468"/>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238468" h="238469">
                    <a:moveTo>
                      <a:pt x="0" y="0"/>
                    </a:moveTo>
                    <a:lnTo>
                      <a:pt x="238469" y="0"/>
                    </a:lnTo>
                    <a:lnTo>
                      <a:pt x="238469"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88" name="Freeform: Shape 1087">
                <a:extLst>
                  <a:ext uri="{FF2B5EF4-FFF2-40B4-BE49-F238E27FC236}">
                    <a16:creationId xmlns:a16="http://schemas.microsoft.com/office/drawing/2014/main" id="{63FA16AC-AB7B-6C79-EB75-EE756F174B84}"/>
                  </a:ext>
                </a:extLst>
              </p:cNvPr>
              <p:cNvSpPr/>
              <p:nvPr/>
            </p:nvSpPr>
            <p:spPr>
              <a:xfrm>
                <a:off x="9381840" y="7875980"/>
                <a:ext cx="78475" cy="238469"/>
              </a:xfrm>
              <a:custGeom>
                <a:avLst/>
                <a:gdLst>
                  <a:gd name="connsiteX0" fmla="*/ 0 w 78475"/>
                  <a:gd name="connsiteY0" fmla="*/ 0 h 238469"/>
                  <a:gd name="connsiteX1" fmla="*/ 78475 w 78475"/>
                  <a:gd name="connsiteY1" fmla="*/ 0 h 238469"/>
                  <a:gd name="connsiteX2" fmla="*/ 78475 w 78475"/>
                  <a:gd name="connsiteY2" fmla="*/ 238469 h 238469"/>
                  <a:gd name="connsiteX3" fmla="*/ 0 w 78475"/>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78475" h="238469">
                    <a:moveTo>
                      <a:pt x="0" y="0"/>
                    </a:moveTo>
                    <a:lnTo>
                      <a:pt x="78475" y="0"/>
                    </a:lnTo>
                    <a:lnTo>
                      <a:pt x="78475"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grpSp>
        <p:sp>
          <p:nvSpPr>
            <p:cNvPr id="1089" name="Freeform: Shape 1088">
              <a:extLst>
                <a:ext uri="{FF2B5EF4-FFF2-40B4-BE49-F238E27FC236}">
                  <a16:creationId xmlns:a16="http://schemas.microsoft.com/office/drawing/2014/main" id="{5EA1B994-1564-9BF4-E2FA-3838A0BE6C48}"/>
                </a:ext>
              </a:extLst>
            </p:cNvPr>
            <p:cNvSpPr/>
            <p:nvPr/>
          </p:nvSpPr>
          <p:spPr>
            <a:xfrm>
              <a:off x="9200041" y="7677320"/>
              <a:ext cx="12677" cy="198660"/>
            </a:xfrm>
            <a:custGeom>
              <a:avLst/>
              <a:gdLst>
                <a:gd name="connsiteX0" fmla="*/ 0 w 12677"/>
                <a:gd name="connsiteY0" fmla="*/ 0 h 198660"/>
                <a:gd name="connsiteX1" fmla="*/ 0 w 12677"/>
                <a:gd name="connsiteY1" fmla="*/ 198661 h 198660"/>
              </a:gdLst>
              <a:ahLst/>
              <a:cxnLst>
                <a:cxn ang="0">
                  <a:pos x="connsiteX0" y="connsiteY0"/>
                </a:cxn>
                <a:cxn ang="0">
                  <a:pos x="connsiteX1" y="connsiteY1"/>
                </a:cxn>
              </a:cxnLst>
              <a:rect l="l" t="t" r="r" b="b"/>
              <a:pathLst>
                <a:path w="12677" h="198660">
                  <a:moveTo>
                    <a:pt x="0" y="0"/>
                  </a:moveTo>
                  <a:lnTo>
                    <a:pt x="0" y="198661"/>
                  </a:lnTo>
                </a:path>
              </a:pathLst>
            </a:custGeom>
            <a:ln w="12674" cap="rnd">
              <a:solidFill>
                <a:schemeClr val="tx1"/>
              </a:solidFill>
              <a:prstDash val="solid"/>
              <a:round/>
            </a:ln>
          </p:spPr>
          <p:txBody>
            <a:bodyPr rtlCol="0" anchor="ctr"/>
            <a:lstStyle/>
            <a:p>
              <a:endParaRPr lang="es-ES" sz="1092"/>
            </a:p>
          </p:txBody>
        </p:sp>
        <p:sp>
          <p:nvSpPr>
            <p:cNvPr id="1090" name="Freeform: Shape 1089">
              <a:extLst>
                <a:ext uri="{FF2B5EF4-FFF2-40B4-BE49-F238E27FC236}">
                  <a16:creationId xmlns:a16="http://schemas.microsoft.com/office/drawing/2014/main" id="{73EE6487-E8C0-68F8-FE94-B91C706833A2}"/>
                </a:ext>
              </a:extLst>
            </p:cNvPr>
            <p:cNvSpPr/>
            <p:nvPr/>
          </p:nvSpPr>
          <p:spPr>
            <a:xfrm>
              <a:off x="9460315" y="7995152"/>
              <a:ext cx="1016250" cy="479093"/>
            </a:xfrm>
            <a:custGeom>
              <a:avLst/>
              <a:gdLst>
                <a:gd name="connsiteX0" fmla="*/ 0 w 1016250"/>
                <a:gd name="connsiteY0" fmla="*/ 0 h 479093"/>
                <a:gd name="connsiteX1" fmla="*/ 1016251 w 1016250"/>
                <a:gd name="connsiteY1" fmla="*/ 0 h 479093"/>
                <a:gd name="connsiteX2" fmla="*/ 1016251 w 1016250"/>
                <a:gd name="connsiteY2" fmla="*/ 479093 h 479093"/>
              </a:gdLst>
              <a:ahLst/>
              <a:cxnLst>
                <a:cxn ang="0">
                  <a:pos x="connsiteX0" y="connsiteY0"/>
                </a:cxn>
                <a:cxn ang="0">
                  <a:pos x="connsiteX1" y="connsiteY1"/>
                </a:cxn>
                <a:cxn ang="0">
                  <a:pos x="connsiteX2" y="connsiteY2"/>
                </a:cxn>
              </a:cxnLst>
              <a:rect l="l" t="t" r="r" b="b"/>
              <a:pathLst>
                <a:path w="1016250" h="479093">
                  <a:moveTo>
                    <a:pt x="0" y="0"/>
                  </a:moveTo>
                  <a:lnTo>
                    <a:pt x="1016251" y="0"/>
                  </a:lnTo>
                  <a:lnTo>
                    <a:pt x="1016251" y="479093"/>
                  </a:lnTo>
                </a:path>
              </a:pathLst>
            </a:custGeom>
            <a:noFill/>
            <a:ln w="12674" cap="rnd">
              <a:solidFill>
                <a:schemeClr val="tx1"/>
              </a:solidFill>
              <a:prstDash val="solid"/>
              <a:round/>
            </a:ln>
          </p:spPr>
          <p:txBody>
            <a:bodyPr rtlCol="0" anchor="ctr"/>
            <a:lstStyle/>
            <a:p>
              <a:endParaRPr lang="es-ES" sz="1092"/>
            </a:p>
          </p:txBody>
        </p:sp>
        <p:sp>
          <p:nvSpPr>
            <p:cNvPr id="1091" name="Freeform: Shape 1090">
              <a:extLst>
                <a:ext uri="{FF2B5EF4-FFF2-40B4-BE49-F238E27FC236}">
                  <a16:creationId xmlns:a16="http://schemas.microsoft.com/office/drawing/2014/main" id="{76EB95A4-0B5D-959C-7552-6D2E5ADAA575}"/>
                </a:ext>
              </a:extLst>
            </p:cNvPr>
            <p:cNvSpPr/>
            <p:nvPr/>
          </p:nvSpPr>
          <p:spPr>
            <a:xfrm>
              <a:off x="10476566" y="7839976"/>
              <a:ext cx="12677" cy="155176"/>
            </a:xfrm>
            <a:custGeom>
              <a:avLst/>
              <a:gdLst>
                <a:gd name="connsiteX0" fmla="*/ 0 w 12677"/>
                <a:gd name="connsiteY0" fmla="*/ 155176 h 155176"/>
                <a:gd name="connsiteX1" fmla="*/ 0 w 12677"/>
                <a:gd name="connsiteY1" fmla="*/ 0 h 155176"/>
              </a:gdLst>
              <a:ahLst/>
              <a:cxnLst>
                <a:cxn ang="0">
                  <a:pos x="connsiteX0" y="connsiteY0"/>
                </a:cxn>
                <a:cxn ang="0">
                  <a:pos x="connsiteX1" y="connsiteY1"/>
                </a:cxn>
              </a:cxnLst>
              <a:rect l="l" t="t" r="r" b="b"/>
              <a:pathLst>
                <a:path w="12677" h="155176">
                  <a:moveTo>
                    <a:pt x="0" y="155176"/>
                  </a:moveTo>
                  <a:lnTo>
                    <a:pt x="0" y="0"/>
                  </a:lnTo>
                </a:path>
              </a:pathLst>
            </a:custGeom>
            <a:ln w="12674" cap="rnd">
              <a:solidFill>
                <a:schemeClr val="tx1"/>
              </a:solidFill>
              <a:prstDash val="solid"/>
              <a:round/>
            </a:ln>
          </p:spPr>
          <p:txBody>
            <a:bodyPr rtlCol="0" anchor="ctr"/>
            <a:lstStyle/>
            <a:p>
              <a:endParaRPr lang="es-ES" sz="1092"/>
            </a:p>
          </p:txBody>
        </p:sp>
        <p:sp>
          <p:nvSpPr>
            <p:cNvPr id="1092" name="Freeform: Shape 1091">
              <a:extLst>
                <a:ext uri="{FF2B5EF4-FFF2-40B4-BE49-F238E27FC236}">
                  <a16:creationId xmlns:a16="http://schemas.microsoft.com/office/drawing/2014/main" id="{670BB79D-C870-91E2-FD96-2F7639172A21}"/>
                </a:ext>
              </a:extLst>
            </p:cNvPr>
            <p:cNvSpPr/>
            <p:nvPr/>
          </p:nvSpPr>
          <p:spPr>
            <a:xfrm>
              <a:off x="10476566" y="8712714"/>
              <a:ext cx="426733" cy="1529193"/>
            </a:xfrm>
            <a:custGeom>
              <a:avLst/>
              <a:gdLst>
                <a:gd name="connsiteX0" fmla="*/ 0 w 426733"/>
                <a:gd name="connsiteY0" fmla="*/ 0 h 1529193"/>
                <a:gd name="connsiteX1" fmla="*/ 0 w 426733"/>
                <a:gd name="connsiteY1" fmla="*/ 1377060 h 1529193"/>
                <a:gd name="connsiteX2" fmla="*/ 152133 w 426733"/>
                <a:gd name="connsiteY2" fmla="*/ 1529194 h 1529193"/>
                <a:gd name="connsiteX3" fmla="*/ 426734 w 426733"/>
                <a:gd name="connsiteY3" fmla="*/ 1529194 h 1529193"/>
              </a:gdLst>
              <a:ahLst/>
              <a:cxnLst>
                <a:cxn ang="0">
                  <a:pos x="connsiteX0" y="connsiteY0"/>
                </a:cxn>
                <a:cxn ang="0">
                  <a:pos x="connsiteX1" y="connsiteY1"/>
                </a:cxn>
                <a:cxn ang="0">
                  <a:pos x="connsiteX2" y="connsiteY2"/>
                </a:cxn>
                <a:cxn ang="0">
                  <a:pos x="connsiteX3" y="connsiteY3"/>
                </a:cxn>
              </a:cxnLst>
              <a:rect l="l" t="t" r="r" b="b"/>
              <a:pathLst>
                <a:path w="426733" h="1529193">
                  <a:moveTo>
                    <a:pt x="0" y="0"/>
                  </a:moveTo>
                  <a:lnTo>
                    <a:pt x="0" y="1377060"/>
                  </a:lnTo>
                  <a:cubicBezTo>
                    <a:pt x="0" y="1461114"/>
                    <a:pt x="68080" y="1529194"/>
                    <a:pt x="152133" y="1529194"/>
                  </a:cubicBezTo>
                  <a:lnTo>
                    <a:pt x="426734" y="1529194"/>
                  </a:lnTo>
                </a:path>
              </a:pathLst>
            </a:custGeom>
            <a:noFill/>
            <a:ln w="12674" cap="rnd">
              <a:solidFill>
                <a:schemeClr val="tx1"/>
              </a:solidFill>
              <a:prstDash val="solid"/>
              <a:round/>
            </a:ln>
          </p:spPr>
          <p:txBody>
            <a:bodyPr rtlCol="0" anchor="ctr"/>
            <a:lstStyle/>
            <a:p>
              <a:endParaRPr lang="es-ES" sz="1092"/>
            </a:p>
          </p:txBody>
        </p:sp>
        <p:sp>
          <p:nvSpPr>
            <p:cNvPr id="1093" name="Freeform: Shape 1092">
              <a:extLst>
                <a:ext uri="{FF2B5EF4-FFF2-40B4-BE49-F238E27FC236}">
                  <a16:creationId xmlns:a16="http://schemas.microsoft.com/office/drawing/2014/main" id="{C0B733E8-6399-CDEF-1088-88266053E90E}"/>
                </a:ext>
              </a:extLst>
            </p:cNvPr>
            <p:cNvSpPr/>
            <p:nvPr/>
          </p:nvSpPr>
          <p:spPr>
            <a:xfrm>
              <a:off x="10711485" y="8593543"/>
              <a:ext cx="2683124" cy="818097"/>
            </a:xfrm>
            <a:custGeom>
              <a:avLst/>
              <a:gdLst>
                <a:gd name="connsiteX0" fmla="*/ 0 w 2683124"/>
                <a:gd name="connsiteY0" fmla="*/ 0 h 818097"/>
                <a:gd name="connsiteX1" fmla="*/ 401505 w 2683124"/>
                <a:gd name="connsiteY1" fmla="*/ 0 h 818097"/>
                <a:gd name="connsiteX2" fmla="*/ 555921 w 2683124"/>
                <a:gd name="connsiteY2" fmla="*/ 154415 h 818097"/>
                <a:gd name="connsiteX3" fmla="*/ 555921 w 2683124"/>
                <a:gd name="connsiteY3" fmla="*/ 665964 h 818097"/>
                <a:gd name="connsiteX4" fmla="*/ 708054 w 2683124"/>
                <a:gd name="connsiteY4" fmla="*/ 818097 h 818097"/>
                <a:gd name="connsiteX5" fmla="*/ 2683124 w 2683124"/>
                <a:gd name="connsiteY5" fmla="*/ 818097 h 8180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683124" h="818097">
                  <a:moveTo>
                    <a:pt x="0" y="0"/>
                  </a:moveTo>
                  <a:lnTo>
                    <a:pt x="401505" y="0"/>
                  </a:lnTo>
                  <a:cubicBezTo>
                    <a:pt x="486826" y="0"/>
                    <a:pt x="555921" y="69094"/>
                    <a:pt x="555921" y="154415"/>
                  </a:cubicBezTo>
                  <a:lnTo>
                    <a:pt x="555921" y="665964"/>
                  </a:lnTo>
                  <a:cubicBezTo>
                    <a:pt x="555921" y="750017"/>
                    <a:pt x="624000" y="818097"/>
                    <a:pt x="708054" y="818097"/>
                  </a:cubicBezTo>
                  <a:lnTo>
                    <a:pt x="2683124" y="818097"/>
                  </a:lnTo>
                </a:path>
              </a:pathLst>
            </a:custGeom>
            <a:noFill/>
            <a:ln w="12674" cap="rnd">
              <a:solidFill>
                <a:schemeClr val="tx1"/>
              </a:solidFill>
              <a:prstDash val="solid"/>
              <a:round/>
            </a:ln>
          </p:spPr>
          <p:txBody>
            <a:bodyPr rtlCol="0" anchor="ctr"/>
            <a:lstStyle/>
            <a:p>
              <a:endParaRPr lang="es-ES" sz="1092"/>
            </a:p>
          </p:txBody>
        </p:sp>
        <p:grpSp>
          <p:nvGrpSpPr>
            <p:cNvPr id="1094" name="Graphic 778">
              <a:extLst>
                <a:ext uri="{FF2B5EF4-FFF2-40B4-BE49-F238E27FC236}">
                  <a16:creationId xmlns:a16="http://schemas.microsoft.com/office/drawing/2014/main" id="{10F05E21-C68A-CEF3-F855-1A770526F5EA}"/>
                </a:ext>
              </a:extLst>
            </p:cNvPr>
            <p:cNvGrpSpPr/>
            <p:nvPr/>
          </p:nvGrpSpPr>
          <p:grpSpPr>
            <a:xfrm>
              <a:off x="13265169" y="9292342"/>
              <a:ext cx="316817" cy="238469"/>
              <a:chOff x="13265169" y="9292342"/>
              <a:chExt cx="316817" cy="238469"/>
            </a:xfrm>
            <a:solidFill>
              <a:srgbClr val="FFFFFF"/>
            </a:solidFill>
          </p:grpSpPr>
          <p:sp>
            <p:nvSpPr>
              <p:cNvPr id="1095" name="Freeform: Shape 1094">
                <a:extLst>
                  <a:ext uri="{FF2B5EF4-FFF2-40B4-BE49-F238E27FC236}">
                    <a16:creationId xmlns:a16="http://schemas.microsoft.com/office/drawing/2014/main" id="{9AFB5E3B-A4E8-954B-4A59-5D1F730D2714}"/>
                  </a:ext>
                </a:extLst>
              </p:cNvPr>
              <p:cNvSpPr/>
              <p:nvPr/>
            </p:nvSpPr>
            <p:spPr>
              <a:xfrm>
                <a:off x="13265169" y="9292342"/>
                <a:ext cx="238468" cy="238469"/>
              </a:xfrm>
              <a:custGeom>
                <a:avLst/>
                <a:gdLst>
                  <a:gd name="connsiteX0" fmla="*/ 0 w 238468"/>
                  <a:gd name="connsiteY0" fmla="*/ 0 h 238469"/>
                  <a:gd name="connsiteX1" fmla="*/ 238469 w 238468"/>
                  <a:gd name="connsiteY1" fmla="*/ 0 h 238469"/>
                  <a:gd name="connsiteX2" fmla="*/ 238469 w 238468"/>
                  <a:gd name="connsiteY2" fmla="*/ 238469 h 238469"/>
                  <a:gd name="connsiteX3" fmla="*/ 0 w 238468"/>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238468" h="238469">
                    <a:moveTo>
                      <a:pt x="0" y="0"/>
                    </a:moveTo>
                    <a:lnTo>
                      <a:pt x="238469" y="0"/>
                    </a:lnTo>
                    <a:lnTo>
                      <a:pt x="238469"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96" name="Freeform: Shape 1095">
                <a:extLst>
                  <a:ext uri="{FF2B5EF4-FFF2-40B4-BE49-F238E27FC236}">
                    <a16:creationId xmlns:a16="http://schemas.microsoft.com/office/drawing/2014/main" id="{AC3AFCC6-44BD-2FEC-B96D-15CC68A65EF7}"/>
                  </a:ext>
                </a:extLst>
              </p:cNvPr>
              <p:cNvSpPr/>
              <p:nvPr/>
            </p:nvSpPr>
            <p:spPr>
              <a:xfrm>
                <a:off x="13503511" y="9292342"/>
                <a:ext cx="78475" cy="238469"/>
              </a:xfrm>
              <a:custGeom>
                <a:avLst/>
                <a:gdLst>
                  <a:gd name="connsiteX0" fmla="*/ 0 w 78475"/>
                  <a:gd name="connsiteY0" fmla="*/ 0 h 238469"/>
                  <a:gd name="connsiteX1" fmla="*/ 78476 w 78475"/>
                  <a:gd name="connsiteY1" fmla="*/ 0 h 238469"/>
                  <a:gd name="connsiteX2" fmla="*/ 78476 w 78475"/>
                  <a:gd name="connsiteY2" fmla="*/ 238469 h 238469"/>
                  <a:gd name="connsiteX3" fmla="*/ 0 w 78475"/>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78475" h="238469">
                    <a:moveTo>
                      <a:pt x="0" y="0"/>
                    </a:moveTo>
                    <a:lnTo>
                      <a:pt x="78476" y="0"/>
                    </a:lnTo>
                    <a:lnTo>
                      <a:pt x="78476"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1097" name="Graphic 778">
              <a:extLst>
                <a:ext uri="{FF2B5EF4-FFF2-40B4-BE49-F238E27FC236}">
                  <a16:creationId xmlns:a16="http://schemas.microsoft.com/office/drawing/2014/main" id="{A2479FC4-DC5D-53C6-8851-72BEA18537A5}"/>
                </a:ext>
              </a:extLst>
            </p:cNvPr>
            <p:cNvGrpSpPr/>
            <p:nvPr/>
          </p:nvGrpSpPr>
          <p:grpSpPr>
            <a:xfrm>
              <a:off x="11648246" y="8658960"/>
              <a:ext cx="316944" cy="238469"/>
              <a:chOff x="11648246" y="8658960"/>
              <a:chExt cx="316944" cy="238469"/>
            </a:xfrm>
            <a:solidFill>
              <a:srgbClr val="FFFFFF"/>
            </a:solidFill>
          </p:grpSpPr>
          <p:sp>
            <p:nvSpPr>
              <p:cNvPr id="1098" name="Freeform: Shape 1097">
                <a:extLst>
                  <a:ext uri="{FF2B5EF4-FFF2-40B4-BE49-F238E27FC236}">
                    <a16:creationId xmlns:a16="http://schemas.microsoft.com/office/drawing/2014/main" id="{F76BD870-CA5F-2011-452B-50D2278088D8}"/>
                  </a:ext>
                </a:extLst>
              </p:cNvPr>
              <p:cNvSpPr/>
              <p:nvPr/>
            </p:nvSpPr>
            <p:spPr>
              <a:xfrm>
                <a:off x="11648246" y="8658960"/>
                <a:ext cx="238468" cy="238469"/>
              </a:xfrm>
              <a:custGeom>
                <a:avLst/>
                <a:gdLst>
                  <a:gd name="connsiteX0" fmla="*/ 0 w 238468"/>
                  <a:gd name="connsiteY0" fmla="*/ 0 h 238469"/>
                  <a:gd name="connsiteX1" fmla="*/ 238469 w 238468"/>
                  <a:gd name="connsiteY1" fmla="*/ 0 h 238469"/>
                  <a:gd name="connsiteX2" fmla="*/ 238469 w 238468"/>
                  <a:gd name="connsiteY2" fmla="*/ 238469 h 238469"/>
                  <a:gd name="connsiteX3" fmla="*/ 0 w 238468"/>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238468" h="238469">
                    <a:moveTo>
                      <a:pt x="0" y="0"/>
                    </a:moveTo>
                    <a:lnTo>
                      <a:pt x="238469" y="0"/>
                    </a:lnTo>
                    <a:lnTo>
                      <a:pt x="238469"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099" name="Freeform: Shape 1098">
                <a:extLst>
                  <a:ext uri="{FF2B5EF4-FFF2-40B4-BE49-F238E27FC236}">
                    <a16:creationId xmlns:a16="http://schemas.microsoft.com/office/drawing/2014/main" id="{3E754C92-06A7-332B-C5C6-EFB545370D2B}"/>
                  </a:ext>
                </a:extLst>
              </p:cNvPr>
              <p:cNvSpPr/>
              <p:nvPr/>
            </p:nvSpPr>
            <p:spPr>
              <a:xfrm>
                <a:off x="11886715" y="8658960"/>
                <a:ext cx="78475" cy="238469"/>
              </a:xfrm>
              <a:custGeom>
                <a:avLst/>
                <a:gdLst>
                  <a:gd name="connsiteX0" fmla="*/ 0 w 78475"/>
                  <a:gd name="connsiteY0" fmla="*/ 0 h 238469"/>
                  <a:gd name="connsiteX1" fmla="*/ 78475 w 78475"/>
                  <a:gd name="connsiteY1" fmla="*/ 0 h 238469"/>
                  <a:gd name="connsiteX2" fmla="*/ 78475 w 78475"/>
                  <a:gd name="connsiteY2" fmla="*/ 238469 h 238469"/>
                  <a:gd name="connsiteX3" fmla="*/ 0 w 78475"/>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78475" h="238469">
                    <a:moveTo>
                      <a:pt x="0" y="0"/>
                    </a:moveTo>
                    <a:lnTo>
                      <a:pt x="78475" y="0"/>
                    </a:lnTo>
                    <a:lnTo>
                      <a:pt x="78475"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1100" name="Graphic 778">
              <a:extLst>
                <a:ext uri="{FF2B5EF4-FFF2-40B4-BE49-F238E27FC236}">
                  <a16:creationId xmlns:a16="http://schemas.microsoft.com/office/drawing/2014/main" id="{CB7C6115-8FF3-AFBF-550F-2A094790A2E8}"/>
                </a:ext>
              </a:extLst>
            </p:cNvPr>
            <p:cNvGrpSpPr/>
            <p:nvPr/>
          </p:nvGrpSpPr>
          <p:grpSpPr>
            <a:xfrm>
              <a:off x="13239053" y="7474982"/>
              <a:ext cx="316817" cy="238469"/>
              <a:chOff x="13239053" y="7474982"/>
              <a:chExt cx="316817" cy="238469"/>
            </a:xfrm>
            <a:solidFill>
              <a:srgbClr val="FFFFFF"/>
            </a:solidFill>
          </p:grpSpPr>
          <p:sp>
            <p:nvSpPr>
              <p:cNvPr id="1101" name="Freeform: Shape 1100">
                <a:extLst>
                  <a:ext uri="{FF2B5EF4-FFF2-40B4-BE49-F238E27FC236}">
                    <a16:creationId xmlns:a16="http://schemas.microsoft.com/office/drawing/2014/main" id="{A89CA8E1-68AD-0EEB-B6B7-4882472622D8}"/>
                  </a:ext>
                </a:extLst>
              </p:cNvPr>
              <p:cNvSpPr/>
              <p:nvPr/>
            </p:nvSpPr>
            <p:spPr>
              <a:xfrm>
                <a:off x="13239053" y="7474982"/>
                <a:ext cx="238468" cy="238469"/>
              </a:xfrm>
              <a:custGeom>
                <a:avLst/>
                <a:gdLst>
                  <a:gd name="connsiteX0" fmla="*/ 0 w 238468"/>
                  <a:gd name="connsiteY0" fmla="*/ 0 h 238469"/>
                  <a:gd name="connsiteX1" fmla="*/ 238469 w 238468"/>
                  <a:gd name="connsiteY1" fmla="*/ 0 h 238469"/>
                  <a:gd name="connsiteX2" fmla="*/ 238469 w 238468"/>
                  <a:gd name="connsiteY2" fmla="*/ 238469 h 238469"/>
                  <a:gd name="connsiteX3" fmla="*/ 0 w 238468"/>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238468" h="238469">
                    <a:moveTo>
                      <a:pt x="0" y="0"/>
                    </a:moveTo>
                    <a:lnTo>
                      <a:pt x="238469" y="0"/>
                    </a:lnTo>
                    <a:lnTo>
                      <a:pt x="238469"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102" name="Freeform: Shape 1101">
                <a:extLst>
                  <a:ext uri="{FF2B5EF4-FFF2-40B4-BE49-F238E27FC236}">
                    <a16:creationId xmlns:a16="http://schemas.microsoft.com/office/drawing/2014/main" id="{14373260-3BEE-A82A-F8AA-77F28E29ACB5}"/>
                  </a:ext>
                </a:extLst>
              </p:cNvPr>
              <p:cNvSpPr/>
              <p:nvPr/>
            </p:nvSpPr>
            <p:spPr>
              <a:xfrm>
                <a:off x="13477395" y="7474982"/>
                <a:ext cx="78475" cy="238469"/>
              </a:xfrm>
              <a:custGeom>
                <a:avLst/>
                <a:gdLst>
                  <a:gd name="connsiteX0" fmla="*/ 0 w 78475"/>
                  <a:gd name="connsiteY0" fmla="*/ 0 h 238469"/>
                  <a:gd name="connsiteX1" fmla="*/ 78476 w 78475"/>
                  <a:gd name="connsiteY1" fmla="*/ 0 h 238469"/>
                  <a:gd name="connsiteX2" fmla="*/ 78476 w 78475"/>
                  <a:gd name="connsiteY2" fmla="*/ 238469 h 238469"/>
                  <a:gd name="connsiteX3" fmla="*/ 0 w 78475"/>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78475" h="238469">
                    <a:moveTo>
                      <a:pt x="0" y="0"/>
                    </a:moveTo>
                    <a:lnTo>
                      <a:pt x="78476" y="0"/>
                    </a:lnTo>
                    <a:lnTo>
                      <a:pt x="78476"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1103" name="Graphic 778">
              <a:extLst>
                <a:ext uri="{FF2B5EF4-FFF2-40B4-BE49-F238E27FC236}">
                  <a16:creationId xmlns:a16="http://schemas.microsoft.com/office/drawing/2014/main" id="{DA22C0A9-4C25-0D01-463E-8208754CD4D6}"/>
                </a:ext>
              </a:extLst>
            </p:cNvPr>
            <p:cNvGrpSpPr/>
            <p:nvPr/>
          </p:nvGrpSpPr>
          <p:grpSpPr>
            <a:xfrm>
              <a:off x="16303398" y="8717658"/>
              <a:ext cx="316944" cy="238469"/>
              <a:chOff x="16303398" y="8717658"/>
              <a:chExt cx="316944" cy="238469"/>
            </a:xfrm>
            <a:solidFill>
              <a:srgbClr val="FFFFFF"/>
            </a:solidFill>
          </p:grpSpPr>
          <p:sp>
            <p:nvSpPr>
              <p:cNvPr id="1104" name="Freeform: Shape 1103">
                <a:extLst>
                  <a:ext uri="{FF2B5EF4-FFF2-40B4-BE49-F238E27FC236}">
                    <a16:creationId xmlns:a16="http://schemas.microsoft.com/office/drawing/2014/main" id="{2A52C0A1-0248-1C93-6A88-CA5DA5EACEE1}"/>
                  </a:ext>
                </a:extLst>
              </p:cNvPr>
              <p:cNvSpPr/>
              <p:nvPr/>
            </p:nvSpPr>
            <p:spPr>
              <a:xfrm>
                <a:off x="16303398" y="8717658"/>
                <a:ext cx="238468" cy="238469"/>
              </a:xfrm>
              <a:custGeom>
                <a:avLst/>
                <a:gdLst>
                  <a:gd name="connsiteX0" fmla="*/ 0 w 238468"/>
                  <a:gd name="connsiteY0" fmla="*/ 0 h 238469"/>
                  <a:gd name="connsiteX1" fmla="*/ 238469 w 238468"/>
                  <a:gd name="connsiteY1" fmla="*/ 0 h 238469"/>
                  <a:gd name="connsiteX2" fmla="*/ 238469 w 238468"/>
                  <a:gd name="connsiteY2" fmla="*/ 238469 h 238469"/>
                  <a:gd name="connsiteX3" fmla="*/ 0 w 238468"/>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238468" h="238469">
                    <a:moveTo>
                      <a:pt x="0" y="0"/>
                    </a:moveTo>
                    <a:lnTo>
                      <a:pt x="238469" y="0"/>
                    </a:lnTo>
                    <a:lnTo>
                      <a:pt x="238469"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105" name="Freeform: Shape 1104">
                <a:extLst>
                  <a:ext uri="{FF2B5EF4-FFF2-40B4-BE49-F238E27FC236}">
                    <a16:creationId xmlns:a16="http://schemas.microsoft.com/office/drawing/2014/main" id="{295A7B25-BF21-3ABA-61AF-CE463846DF0B}"/>
                  </a:ext>
                </a:extLst>
              </p:cNvPr>
              <p:cNvSpPr/>
              <p:nvPr/>
            </p:nvSpPr>
            <p:spPr>
              <a:xfrm>
                <a:off x="16541867" y="8717658"/>
                <a:ext cx="78475" cy="238469"/>
              </a:xfrm>
              <a:custGeom>
                <a:avLst/>
                <a:gdLst>
                  <a:gd name="connsiteX0" fmla="*/ 0 w 78475"/>
                  <a:gd name="connsiteY0" fmla="*/ 0 h 238469"/>
                  <a:gd name="connsiteX1" fmla="*/ 78475 w 78475"/>
                  <a:gd name="connsiteY1" fmla="*/ 0 h 238469"/>
                  <a:gd name="connsiteX2" fmla="*/ 78475 w 78475"/>
                  <a:gd name="connsiteY2" fmla="*/ 238469 h 238469"/>
                  <a:gd name="connsiteX3" fmla="*/ 0 w 78475"/>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78475" h="238469">
                    <a:moveTo>
                      <a:pt x="0" y="0"/>
                    </a:moveTo>
                    <a:lnTo>
                      <a:pt x="78475" y="0"/>
                    </a:lnTo>
                    <a:lnTo>
                      <a:pt x="78475"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grpSp>
        <p:grpSp>
          <p:nvGrpSpPr>
            <p:cNvPr id="1106" name="Graphic 778">
              <a:extLst>
                <a:ext uri="{FF2B5EF4-FFF2-40B4-BE49-F238E27FC236}">
                  <a16:creationId xmlns:a16="http://schemas.microsoft.com/office/drawing/2014/main" id="{FE404A85-1A9D-EF56-88C8-18939A939B8B}"/>
                </a:ext>
              </a:extLst>
            </p:cNvPr>
            <p:cNvGrpSpPr/>
            <p:nvPr/>
          </p:nvGrpSpPr>
          <p:grpSpPr>
            <a:xfrm>
              <a:off x="16687281" y="7474982"/>
              <a:ext cx="316944" cy="238469"/>
              <a:chOff x="16687281" y="7474982"/>
              <a:chExt cx="316944" cy="238469"/>
            </a:xfrm>
            <a:solidFill>
              <a:srgbClr val="FFFFFF"/>
            </a:solidFill>
          </p:grpSpPr>
          <p:sp>
            <p:nvSpPr>
              <p:cNvPr id="1107" name="Freeform: Shape 1106">
                <a:extLst>
                  <a:ext uri="{FF2B5EF4-FFF2-40B4-BE49-F238E27FC236}">
                    <a16:creationId xmlns:a16="http://schemas.microsoft.com/office/drawing/2014/main" id="{514DB463-4166-6AF1-5426-83ECC339318E}"/>
                  </a:ext>
                </a:extLst>
              </p:cNvPr>
              <p:cNvSpPr/>
              <p:nvPr/>
            </p:nvSpPr>
            <p:spPr>
              <a:xfrm>
                <a:off x="16687281" y="7474982"/>
                <a:ext cx="238468" cy="238469"/>
              </a:xfrm>
              <a:custGeom>
                <a:avLst/>
                <a:gdLst>
                  <a:gd name="connsiteX0" fmla="*/ 0 w 238468"/>
                  <a:gd name="connsiteY0" fmla="*/ 0 h 238469"/>
                  <a:gd name="connsiteX1" fmla="*/ 238469 w 238468"/>
                  <a:gd name="connsiteY1" fmla="*/ 0 h 238469"/>
                  <a:gd name="connsiteX2" fmla="*/ 238469 w 238468"/>
                  <a:gd name="connsiteY2" fmla="*/ 238469 h 238469"/>
                  <a:gd name="connsiteX3" fmla="*/ 0 w 238468"/>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238468" h="238469">
                    <a:moveTo>
                      <a:pt x="0" y="0"/>
                    </a:moveTo>
                    <a:lnTo>
                      <a:pt x="238469" y="0"/>
                    </a:lnTo>
                    <a:lnTo>
                      <a:pt x="238469"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108" name="Freeform: Shape 1107">
                <a:extLst>
                  <a:ext uri="{FF2B5EF4-FFF2-40B4-BE49-F238E27FC236}">
                    <a16:creationId xmlns:a16="http://schemas.microsoft.com/office/drawing/2014/main" id="{8D85A975-448D-D7AC-CFCB-CD598CB868C9}"/>
                  </a:ext>
                </a:extLst>
              </p:cNvPr>
              <p:cNvSpPr/>
              <p:nvPr/>
            </p:nvSpPr>
            <p:spPr>
              <a:xfrm>
                <a:off x="16925750" y="7474982"/>
                <a:ext cx="78475" cy="238469"/>
              </a:xfrm>
              <a:custGeom>
                <a:avLst/>
                <a:gdLst>
                  <a:gd name="connsiteX0" fmla="*/ 0 w 78475"/>
                  <a:gd name="connsiteY0" fmla="*/ 0 h 238469"/>
                  <a:gd name="connsiteX1" fmla="*/ 78476 w 78475"/>
                  <a:gd name="connsiteY1" fmla="*/ 0 h 238469"/>
                  <a:gd name="connsiteX2" fmla="*/ 78476 w 78475"/>
                  <a:gd name="connsiteY2" fmla="*/ 238469 h 238469"/>
                  <a:gd name="connsiteX3" fmla="*/ 0 w 78475"/>
                  <a:gd name="connsiteY3" fmla="*/ 238469 h 238469"/>
                </a:gdLst>
                <a:ahLst/>
                <a:cxnLst>
                  <a:cxn ang="0">
                    <a:pos x="connsiteX0" y="connsiteY0"/>
                  </a:cxn>
                  <a:cxn ang="0">
                    <a:pos x="connsiteX1" y="connsiteY1"/>
                  </a:cxn>
                  <a:cxn ang="0">
                    <a:pos x="connsiteX2" y="connsiteY2"/>
                  </a:cxn>
                  <a:cxn ang="0">
                    <a:pos x="connsiteX3" y="connsiteY3"/>
                  </a:cxn>
                </a:cxnLst>
                <a:rect l="l" t="t" r="r" b="b"/>
                <a:pathLst>
                  <a:path w="78475" h="238469">
                    <a:moveTo>
                      <a:pt x="0" y="0"/>
                    </a:moveTo>
                    <a:lnTo>
                      <a:pt x="78476" y="0"/>
                    </a:lnTo>
                    <a:lnTo>
                      <a:pt x="78476" y="238469"/>
                    </a:lnTo>
                    <a:lnTo>
                      <a:pt x="0" y="238469"/>
                    </a:lnTo>
                    <a:close/>
                  </a:path>
                </a:pathLst>
              </a:custGeom>
              <a:solidFill>
                <a:srgbClr val="FFFFFF"/>
              </a:solidFill>
              <a:ln w="12674" cap="rnd">
                <a:solidFill>
                  <a:schemeClr val="tx1"/>
                </a:solidFill>
                <a:prstDash val="solid"/>
                <a:round/>
              </a:ln>
            </p:spPr>
            <p:txBody>
              <a:bodyPr rtlCol="0" anchor="ctr"/>
              <a:lstStyle/>
              <a:p>
                <a:endParaRPr lang="es-ES" sz="1092"/>
              </a:p>
            </p:txBody>
          </p:sp>
        </p:grpSp>
        <p:sp>
          <p:nvSpPr>
            <p:cNvPr id="1109" name="Freeform: Shape 1108">
              <a:extLst>
                <a:ext uri="{FF2B5EF4-FFF2-40B4-BE49-F238E27FC236}">
                  <a16:creationId xmlns:a16="http://schemas.microsoft.com/office/drawing/2014/main" id="{ABC9A23A-64C8-8D2D-26CB-D415620787C3}"/>
                </a:ext>
              </a:extLst>
            </p:cNvPr>
            <p:cNvSpPr/>
            <p:nvPr/>
          </p:nvSpPr>
          <p:spPr>
            <a:xfrm>
              <a:off x="13394609" y="9275607"/>
              <a:ext cx="1859575" cy="594587"/>
            </a:xfrm>
            <a:custGeom>
              <a:avLst/>
              <a:gdLst>
                <a:gd name="connsiteX0" fmla="*/ 0 w 1859575"/>
                <a:gd name="connsiteY0" fmla="*/ 255077 h 594587"/>
                <a:gd name="connsiteX1" fmla="*/ 0 w 1859575"/>
                <a:gd name="connsiteY1" fmla="*/ 442454 h 594587"/>
                <a:gd name="connsiteX2" fmla="*/ 152133 w 1859575"/>
                <a:gd name="connsiteY2" fmla="*/ 594588 h 594587"/>
                <a:gd name="connsiteX3" fmla="*/ 1707443 w 1859575"/>
                <a:gd name="connsiteY3" fmla="*/ 594588 h 594587"/>
                <a:gd name="connsiteX4" fmla="*/ 1859576 w 1859575"/>
                <a:gd name="connsiteY4" fmla="*/ 442454 h 594587"/>
                <a:gd name="connsiteX5" fmla="*/ 1859576 w 1859575"/>
                <a:gd name="connsiteY5" fmla="*/ 0 h 5945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59575" h="594587">
                  <a:moveTo>
                    <a:pt x="0" y="255077"/>
                  </a:moveTo>
                  <a:lnTo>
                    <a:pt x="0" y="442454"/>
                  </a:lnTo>
                  <a:cubicBezTo>
                    <a:pt x="0" y="526508"/>
                    <a:pt x="68080" y="594588"/>
                    <a:pt x="152133" y="594588"/>
                  </a:cubicBezTo>
                  <a:lnTo>
                    <a:pt x="1707443" y="594588"/>
                  </a:lnTo>
                  <a:cubicBezTo>
                    <a:pt x="1791496" y="594588"/>
                    <a:pt x="1859576" y="526508"/>
                    <a:pt x="1859576" y="442454"/>
                  </a:cubicBezTo>
                  <a:lnTo>
                    <a:pt x="1859576" y="0"/>
                  </a:lnTo>
                </a:path>
              </a:pathLst>
            </a:custGeom>
            <a:noFill/>
            <a:ln w="12674" cap="rnd">
              <a:solidFill>
                <a:schemeClr val="tx1"/>
              </a:solidFill>
              <a:prstDash val="solid"/>
              <a:round/>
            </a:ln>
          </p:spPr>
          <p:txBody>
            <a:bodyPr rtlCol="0" anchor="ctr"/>
            <a:lstStyle/>
            <a:p>
              <a:endParaRPr lang="es-ES" sz="1092"/>
            </a:p>
          </p:txBody>
        </p:sp>
        <p:sp>
          <p:nvSpPr>
            <p:cNvPr id="1110" name="Freeform: Shape 1109">
              <a:extLst>
                <a:ext uri="{FF2B5EF4-FFF2-40B4-BE49-F238E27FC236}">
                  <a16:creationId xmlns:a16="http://schemas.microsoft.com/office/drawing/2014/main" id="{FD3C7DFF-D4DF-F14B-C1D2-D3368643BB2D}"/>
                </a:ext>
              </a:extLst>
            </p:cNvPr>
            <p:cNvSpPr/>
            <p:nvPr/>
          </p:nvSpPr>
          <p:spPr>
            <a:xfrm>
              <a:off x="16432965" y="8953211"/>
              <a:ext cx="1499146" cy="343948"/>
            </a:xfrm>
            <a:custGeom>
              <a:avLst/>
              <a:gdLst>
                <a:gd name="connsiteX0" fmla="*/ 0 w 1499146"/>
                <a:gd name="connsiteY0" fmla="*/ 0 h 343948"/>
                <a:gd name="connsiteX1" fmla="*/ 0 w 1499146"/>
                <a:gd name="connsiteY1" fmla="*/ 187377 h 343948"/>
                <a:gd name="connsiteX2" fmla="*/ 152133 w 1499146"/>
                <a:gd name="connsiteY2" fmla="*/ 339511 h 343948"/>
                <a:gd name="connsiteX3" fmla="*/ 1346506 w 1499146"/>
                <a:gd name="connsiteY3" fmla="*/ 343948 h 343948"/>
                <a:gd name="connsiteX4" fmla="*/ 1499147 w 1499146"/>
                <a:gd name="connsiteY4" fmla="*/ 191815 h 343948"/>
                <a:gd name="connsiteX5" fmla="*/ 1499147 w 1499146"/>
                <a:gd name="connsiteY5" fmla="*/ 122848 h 343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499146" h="343948">
                  <a:moveTo>
                    <a:pt x="0" y="0"/>
                  </a:moveTo>
                  <a:lnTo>
                    <a:pt x="0" y="187377"/>
                  </a:lnTo>
                  <a:cubicBezTo>
                    <a:pt x="0" y="271431"/>
                    <a:pt x="68080" y="339511"/>
                    <a:pt x="152133" y="339511"/>
                  </a:cubicBezTo>
                  <a:lnTo>
                    <a:pt x="1346506" y="343948"/>
                  </a:lnTo>
                  <a:cubicBezTo>
                    <a:pt x="1430687" y="344202"/>
                    <a:pt x="1499147" y="275995"/>
                    <a:pt x="1499147" y="191815"/>
                  </a:cubicBezTo>
                  <a:lnTo>
                    <a:pt x="1499147" y="122848"/>
                  </a:lnTo>
                </a:path>
              </a:pathLst>
            </a:custGeom>
            <a:noFill/>
            <a:ln w="12674" cap="rnd">
              <a:solidFill>
                <a:schemeClr val="tx1"/>
              </a:solidFill>
              <a:prstDash val="solid"/>
              <a:round/>
            </a:ln>
          </p:spPr>
          <p:txBody>
            <a:bodyPr rtlCol="0" anchor="ctr"/>
            <a:lstStyle/>
            <a:p>
              <a:endParaRPr lang="es-ES" sz="1092"/>
            </a:p>
          </p:txBody>
        </p:sp>
        <p:sp>
          <p:nvSpPr>
            <p:cNvPr id="1111" name="Freeform: Shape 1110">
              <a:extLst>
                <a:ext uri="{FF2B5EF4-FFF2-40B4-BE49-F238E27FC236}">
                  <a16:creationId xmlns:a16="http://schemas.microsoft.com/office/drawing/2014/main" id="{B8854A47-F6D5-16B5-EA98-3AF088E0FACA}"/>
                </a:ext>
              </a:extLst>
            </p:cNvPr>
            <p:cNvSpPr/>
            <p:nvPr/>
          </p:nvSpPr>
          <p:spPr>
            <a:xfrm>
              <a:off x="14728058" y="8823011"/>
              <a:ext cx="12677" cy="1047184"/>
            </a:xfrm>
            <a:custGeom>
              <a:avLst/>
              <a:gdLst>
                <a:gd name="connsiteX0" fmla="*/ 0 w 12677"/>
                <a:gd name="connsiteY0" fmla="*/ 0 h 1047184"/>
                <a:gd name="connsiteX1" fmla="*/ 0 w 12677"/>
                <a:gd name="connsiteY1" fmla="*/ 1047185 h 1047184"/>
              </a:gdLst>
              <a:ahLst/>
              <a:cxnLst>
                <a:cxn ang="0">
                  <a:pos x="connsiteX0" y="connsiteY0"/>
                </a:cxn>
                <a:cxn ang="0">
                  <a:pos x="connsiteX1" y="connsiteY1"/>
                </a:cxn>
              </a:cxnLst>
              <a:rect l="l" t="t" r="r" b="b"/>
              <a:pathLst>
                <a:path w="12677" h="1047184">
                  <a:moveTo>
                    <a:pt x="0" y="0"/>
                  </a:moveTo>
                  <a:lnTo>
                    <a:pt x="0" y="1047185"/>
                  </a:lnTo>
                </a:path>
              </a:pathLst>
            </a:custGeom>
            <a:ln w="12674" cap="rnd">
              <a:solidFill>
                <a:schemeClr val="tx1"/>
              </a:solidFill>
              <a:prstDash val="solid"/>
              <a:round/>
            </a:ln>
          </p:spPr>
          <p:txBody>
            <a:bodyPr rtlCol="0" anchor="ctr"/>
            <a:lstStyle/>
            <a:p>
              <a:endParaRPr lang="es-ES" sz="1092"/>
            </a:p>
          </p:txBody>
        </p:sp>
        <p:sp>
          <p:nvSpPr>
            <p:cNvPr id="1112" name="Freeform: Shape 1111">
              <a:extLst>
                <a:ext uri="{FF2B5EF4-FFF2-40B4-BE49-F238E27FC236}">
                  <a16:creationId xmlns:a16="http://schemas.microsoft.com/office/drawing/2014/main" id="{9859396A-BC9A-4233-EBD9-4128A541312A}"/>
                </a:ext>
              </a:extLst>
            </p:cNvPr>
            <p:cNvSpPr/>
            <p:nvPr/>
          </p:nvSpPr>
          <p:spPr>
            <a:xfrm>
              <a:off x="14070461" y="9655307"/>
              <a:ext cx="12677" cy="221734"/>
            </a:xfrm>
            <a:custGeom>
              <a:avLst/>
              <a:gdLst>
                <a:gd name="connsiteX0" fmla="*/ 0 w 12677"/>
                <a:gd name="connsiteY0" fmla="*/ 0 h 221734"/>
                <a:gd name="connsiteX1" fmla="*/ 0 w 12677"/>
                <a:gd name="connsiteY1" fmla="*/ 221735 h 221734"/>
              </a:gdLst>
              <a:ahLst/>
              <a:cxnLst>
                <a:cxn ang="0">
                  <a:pos x="connsiteX0" y="connsiteY0"/>
                </a:cxn>
                <a:cxn ang="0">
                  <a:pos x="connsiteX1" y="connsiteY1"/>
                </a:cxn>
              </a:cxnLst>
              <a:rect l="l" t="t" r="r" b="b"/>
              <a:pathLst>
                <a:path w="12677" h="221734">
                  <a:moveTo>
                    <a:pt x="0" y="0"/>
                  </a:moveTo>
                  <a:lnTo>
                    <a:pt x="0" y="221735"/>
                  </a:lnTo>
                </a:path>
              </a:pathLst>
            </a:custGeom>
            <a:ln w="12674" cap="rnd">
              <a:solidFill>
                <a:schemeClr val="tx1"/>
              </a:solidFill>
              <a:prstDash val="solid"/>
              <a:round/>
            </a:ln>
          </p:spPr>
          <p:txBody>
            <a:bodyPr rtlCol="0" anchor="ctr"/>
            <a:lstStyle/>
            <a:p>
              <a:endParaRPr lang="es-ES" sz="1092"/>
            </a:p>
          </p:txBody>
        </p:sp>
        <p:sp>
          <p:nvSpPr>
            <p:cNvPr id="1113" name="Freeform: Shape 1112">
              <a:extLst>
                <a:ext uri="{FF2B5EF4-FFF2-40B4-BE49-F238E27FC236}">
                  <a16:creationId xmlns:a16="http://schemas.microsoft.com/office/drawing/2014/main" id="{DAE89A46-70DD-6DD9-8644-D5876EA98B24}"/>
                </a:ext>
              </a:extLst>
            </p:cNvPr>
            <p:cNvSpPr/>
            <p:nvPr/>
          </p:nvSpPr>
          <p:spPr>
            <a:xfrm>
              <a:off x="17108690" y="9076059"/>
              <a:ext cx="12677" cy="221734"/>
            </a:xfrm>
            <a:custGeom>
              <a:avLst/>
              <a:gdLst>
                <a:gd name="connsiteX0" fmla="*/ 0 w 12677"/>
                <a:gd name="connsiteY0" fmla="*/ 0 h 221734"/>
                <a:gd name="connsiteX1" fmla="*/ 0 w 12677"/>
                <a:gd name="connsiteY1" fmla="*/ 221735 h 221734"/>
              </a:gdLst>
              <a:ahLst/>
              <a:cxnLst>
                <a:cxn ang="0">
                  <a:pos x="connsiteX0" y="connsiteY0"/>
                </a:cxn>
                <a:cxn ang="0">
                  <a:pos x="connsiteX1" y="connsiteY1"/>
                </a:cxn>
              </a:cxnLst>
              <a:rect l="l" t="t" r="r" b="b"/>
              <a:pathLst>
                <a:path w="12677" h="221734">
                  <a:moveTo>
                    <a:pt x="0" y="0"/>
                  </a:moveTo>
                  <a:lnTo>
                    <a:pt x="0" y="221735"/>
                  </a:lnTo>
                </a:path>
              </a:pathLst>
            </a:custGeom>
            <a:ln w="12674" cap="rnd">
              <a:solidFill>
                <a:schemeClr val="tx1"/>
              </a:solidFill>
              <a:prstDash val="solid"/>
              <a:round/>
            </a:ln>
          </p:spPr>
          <p:txBody>
            <a:bodyPr rtlCol="0" anchor="ctr"/>
            <a:lstStyle/>
            <a:p>
              <a:endParaRPr lang="es-ES" sz="1092"/>
            </a:p>
          </p:txBody>
        </p:sp>
        <p:sp>
          <p:nvSpPr>
            <p:cNvPr id="1114" name="Freeform: Shape 1113">
              <a:extLst>
                <a:ext uri="{FF2B5EF4-FFF2-40B4-BE49-F238E27FC236}">
                  <a16:creationId xmlns:a16="http://schemas.microsoft.com/office/drawing/2014/main" id="{071E19D9-54F3-CF45-05AE-3A333E6FDE2F}"/>
                </a:ext>
              </a:extLst>
            </p:cNvPr>
            <p:cNvSpPr/>
            <p:nvPr/>
          </p:nvSpPr>
          <p:spPr>
            <a:xfrm>
              <a:off x="11767417" y="8897302"/>
              <a:ext cx="12677" cy="514210"/>
            </a:xfrm>
            <a:custGeom>
              <a:avLst/>
              <a:gdLst>
                <a:gd name="connsiteX0" fmla="*/ 0 w 12677"/>
                <a:gd name="connsiteY0" fmla="*/ 0 h 514210"/>
                <a:gd name="connsiteX1" fmla="*/ 0 w 12677"/>
                <a:gd name="connsiteY1" fmla="*/ 514211 h 514210"/>
              </a:gdLst>
              <a:ahLst/>
              <a:cxnLst>
                <a:cxn ang="0">
                  <a:pos x="connsiteX0" y="connsiteY0"/>
                </a:cxn>
                <a:cxn ang="0">
                  <a:pos x="connsiteX1" y="connsiteY1"/>
                </a:cxn>
              </a:cxnLst>
              <a:rect l="l" t="t" r="r" b="b"/>
              <a:pathLst>
                <a:path w="12677" h="514210">
                  <a:moveTo>
                    <a:pt x="0" y="0"/>
                  </a:moveTo>
                  <a:lnTo>
                    <a:pt x="0" y="514211"/>
                  </a:lnTo>
                </a:path>
              </a:pathLst>
            </a:custGeom>
            <a:ln w="12674" cap="rnd">
              <a:solidFill>
                <a:schemeClr val="tx1"/>
              </a:solidFill>
              <a:prstDash val="solid"/>
              <a:round/>
            </a:ln>
          </p:spPr>
          <p:txBody>
            <a:bodyPr rtlCol="0" anchor="ctr"/>
            <a:lstStyle/>
            <a:p>
              <a:endParaRPr lang="es-ES" sz="1092"/>
            </a:p>
          </p:txBody>
        </p:sp>
        <p:sp>
          <p:nvSpPr>
            <p:cNvPr id="1115" name="Freeform: Shape 1114">
              <a:extLst>
                <a:ext uri="{FF2B5EF4-FFF2-40B4-BE49-F238E27FC236}">
                  <a16:creationId xmlns:a16="http://schemas.microsoft.com/office/drawing/2014/main" id="{0D9E1959-21C0-1A51-5AC3-3DCB32C63B5E}"/>
                </a:ext>
              </a:extLst>
            </p:cNvPr>
            <p:cNvSpPr/>
            <p:nvPr/>
          </p:nvSpPr>
          <p:spPr>
            <a:xfrm>
              <a:off x="11112990" y="7594280"/>
              <a:ext cx="2109708" cy="999262"/>
            </a:xfrm>
            <a:custGeom>
              <a:avLst/>
              <a:gdLst>
                <a:gd name="connsiteX0" fmla="*/ 0 w 2109708"/>
                <a:gd name="connsiteY0" fmla="*/ 999262 h 999262"/>
                <a:gd name="connsiteX1" fmla="*/ 0 w 2109708"/>
                <a:gd name="connsiteY1" fmla="*/ 152133 h 999262"/>
                <a:gd name="connsiteX2" fmla="*/ 152133 w 2109708"/>
                <a:gd name="connsiteY2" fmla="*/ 0 h 999262"/>
                <a:gd name="connsiteX3" fmla="*/ 2109709 w 2109708"/>
                <a:gd name="connsiteY3" fmla="*/ 0 h 999262"/>
              </a:gdLst>
              <a:ahLst/>
              <a:cxnLst>
                <a:cxn ang="0">
                  <a:pos x="connsiteX0" y="connsiteY0"/>
                </a:cxn>
                <a:cxn ang="0">
                  <a:pos x="connsiteX1" y="connsiteY1"/>
                </a:cxn>
                <a:cxn ang="0">
                  <a:pos x="connsiteX2" y="connsiteY2"/>
                </a:cxn>
                <a:cxn ang="0">
                  <a:pos x="connsiteX3" y="connsiteY3"/>
                </a:cxn>
              </a:cxnLst>
              <a:rect l="l" t="t" r="r" b="b"/>
              <a:pathLst>
                <a:path w="2109708" h="999262">
                  <a:moveTo>
                    <a:pt x="0" y="999262"/>
                  </a:moveTo>
                  <a:lnTo>
                    <a:pt x="0" y="152133"/>
                  </a:lnTo>
                  <a:cubicBezTo>
                    <a:pt x="0" y="68080"/>
                    <a:pt x="68080" y="0"/>
                    <a:pt x="152133" y="0"/>
                  </a:cubicBezTo>
                  <a:lnTo>
                    <a:pt x="2109709" y="0"/>
                  </a:lnTo>
                </a:path>
              </a:pathLst>
            </a:custGeom>
            <a:noFill/>
            <a:ln w="12674" cap="rnd">
              <a:solidFill>
                <a:schemeClr val="tx1"/>
              </a:solidFill>
              <a:prstDash val="solid"/>
              <a:round/>
            </a:ln>
          </p:spPr>
          <p:txBody>
            <a:bodyPr rtlCol="0" anchor="ctr"/>
            <a:lstStyle/>
            <a:p>
              <a:endParaRPr lang="es-ES" sz="1092"/>
            </a:p>
          </p:txBody>
        </p:sp>
        <p:grpSp>
          <p:nvGrpSpPr>
            <p:cNvPr id="1116" name="Graphic 778">
              <a:extLst>
                <a:ext uri="{FF2B5EF4-FFF2-40B4-BE49-F238E27FC236}">
                  <a16:creationId xmlns:a16="http://schemas.microsoft.com/office/drawing/2014/main" id="{2A7B594D-1D62-A1F9-56FA-388F1A439A89}"/>
                </a:ext>
              </a:extLst>
            </p:cNvPr>
            <p:cNvGrpSpPr/>
            <p:nvPr/>
          </p:nvGrpSpPr>
          <p:grpSpPr>
            <a:xfrm>
              <a:off x="10601442" y="7940130"/>
              <a:ext cx="665963" cy="404420"/>
              <a:chOff x="10601442" y="7940130"/>
              <a:chExt cx="665963" cy="404420"/>
            </a:xfrm>
            <a:solidFill>
              <a:srgbClr val="FFFFFF"/>
            </a:solidFill>
          </p:grpSpPr>
          <p:sp>
            <p:nvSpPr>
              <p:cNvPr id="1117" name="Freeform: Shape 1116">
                <a:extLst>
                  <a:ext uri="{FF2B5EF4-FFF2-40B4-BE49-F238E27FC236}">
                    <a16:creationId xmlns:a16="http://schemas.microsoft.com/office/drawing/2014/main" id="{08177DF8-0F20-A578-DA97-86DDF3FC8F57}"/>
                  </a:ext>
                </a:extLst>
              </p:cNvPr>
              <p:cNvSpPr/>
              <p:nvPr/>
            </p:nvSpPr>
            <p:spPr>
              <a:xfrm>
                <a:off x="10601442" y="8331873"/>
                <a:ext cx="665963" cy="12677"/>
              </a:xfrm>
              <a:custGeom>
                <a:avLst/>
                <a:gdLst>
                  <a:gd name="connsiteX0" fmla="*/ 665964 w 665963"/>
                  <a:gd name="connsiteY0" fmla="*/ 0 h 12677"/>
                  <a:gd name="connsiteX1" fmla="*/ 0 w 665963"/>
                  <a:gd name="connsiteY1" fmla="*/ 0 h 12677"/>
                </a:gdLst>
                <a:ahLst/>
                <a:cxnLst>
                  <a:cxn ang="0">
                    <a:pos x="connsiteX0" y="connsiteY0"/>
                  </a:cxn>
                  <a:cxn ang="0">
                    <a:pos x="connsiteX1" y="connsiteY1"/>
                  </a:cxn>
                </a:cxnLst>
                <a:rect l="l" t="t" r="r" b="b"/>
                <a:pathLst>
                  <a:path w="665963" h="12677">
                    <a:moveTo>
                      <a:pt x="665964" y="0"/>
                    </a:moveTo>
                    <a:lnTo>
                      <a:pt x="0" y="0"/>
                    </a:lnTo>
                  </a:path>
                </a:pathLst>
              </a:custGeom>
              <a:ln w="12674" cap="rnd">
                <a:solidFill>
                  <a:schemeClr val="tx1"/>
                </a:solidFill>
                <a:prstDash val="solid"/>
                <a:round/>
              </a:ln>
            </p:spPr>
            <p:txBody>
              <a:bodyPr rtlCol="0" anchor="ctr"/>
              <a:lstStyle/>
              <a:p>
                <a:endParaRPr lang="es-ES" sz="1092"/>
              </a:p>
            </p:txBody>
          </p:sp>
          <p:grpSp>
            <p:nvGrpSpPr>
              <p:cNvPr id="1118" name="Graphic 778">
                <a:extLst>
                  <a:ext uri="{FF2B5EF4-FFF2-40B4-BE49-F238E27FC236}">
                    <a16:creationId xmlns:a16="http://schemas.microsoft.com/office/drawing/2014/main" id="{5DB36C8C-40F4-C977-AD45-78CD2A8AFA26}"/>
                  </a:ext>
                </a:extLst>
              </p:cNvPr>
              <p:cNvGrpSpPr/>
              <p:nvPr/>
            </p:nvGrpSpPr>
            <p:grpSpPr>
              <a:xfrm>
                <a:off x="10601442" y="7940130"/>
                <a:ext cx="665963" cy="391743"/>
                <a:chOff x="10601442" y="7940130"/>
                <a:chExt cx="665963" cy="391743"/>
              </a:xfrm>
              <a:solidFill>
                <a:srgbClr val="FFFFFF"/>
              </a:solidFill>
            </p:grpSpPr>
            <p:sp>
              <p:nvSpPr>
                <p:cNvPr id="1119" name="Freeform: Shape 1118">
                  <a:extLst>
                    <a:ext uri="{FF2B5EF4-FFF2-40B4-BE49-F238E27FC236}">
                      <a16:creationId xmlns:a16="http://schemas.microsoft.com/office/drawing/2014/main" id="{F356C711-6603-BDEF-B87B-17BE4B40C32F}"/>
                    </a:ext>
                  </a:extLst>
                </p:cNvPr>
                <p:cNvSpPr/>
                <p:nvPr/>
              </p:nvSpPr>
              <p:spPr>
                <a:xfrm>
                  <a:off x="10604611" y="7940130"/>
                  <a:ext cx="659624" cy="233651"/>
                </a:xfrm>
                <a:custGeom>
                  <a:avLst/>
                  <a:gdLst>
                    <a:gd name="connsiteX0" fmla="*/ 0 w 659624"/>
                    <a:gd name="connsiteY0" fmla="*/ 233651 h 233651"/>
                    <a:gd name="connsiteX1" fmla="*/ 104845 w 659624"/>
                    <a:gd name="connsiteY1" fmla="*/ 18383 h 233651"/>
                    <a:gd name="connsiteX2" fmla="*/ 135018 w 659624"/>
                    <a:gd name="connsiteY2" fmla="*/ 0 h 233651"/>
                    <a:gd name="connsiteX3" fmla="*/ 524606 w 659624"/>
                    <a:gd name="connsiteY3" fmla="*/ 0 h 233651"/>
                    <a:gd name="connsiteX4" fmla="*/ 554779 w 659624"/>
                    <a:gd name="connsiteY4" fmla="*/ 18383 h 233651"/>
                    <a:gd name="connsiteX5" fmla="*/ 659625 w 659624"/>
                    <a:gd name="connsiteY5" fmla="*/ 233651 h 2336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59624" h="233651">
                      <a:moveTo>
                        <a:pt x="0" y="233651"/>
                      </a:moveTo>
                      <a:lnTo>
                        <a:pt x="104845" y="18383"/>
                      </a:lnTo>
                      <a:cubicBezTo>
                        <a:pt x="110677" y="7100"/>
                        <a:pt x="122340" y="0"/>
                        <a:pt x="135018" y="0"/>
                      </a:cubicBezTo>
                      <a:lnTo>
                        <a:pt x="524606" y="0"/>
                      </a:lnTo>
                      <a:cubicBezTo>
                        <a:pt x="537284" y="0"/>
                        <a:pt x="548948" y="7100"/>
                        <a:pt x="554779" y="18383"/>
                      </a:cubicBezTo>
                      <a:lnTo>
                        <a:pt x="659625" y="233651"/>
                      </a:lnTo>
                    </a:path>
                  </a:pathLst>
                </a:custGeom>
                <a:solidFill>
                  <a:srgbClr val="FFFFFF"/>
                </a:solidFill>
                <a:ln w="12674" cap="rnd">
                  <a:solidFill>
                    <a:schemeClr val="tx1"/>
                  </a:solidFill>
                  <a:prstDash val="solid"/>
                  <a:round/>
                </a:ln>
              </p:spPr>
              <p:txBody>
                <a:bodyPr rtlCol="0" anchor="ctr"/>
                <a:lstStyle/>
                <a:p>
                  <a:endParaRPr lang="es-ES" sz="1092"/>
                </a:p>
              </p:txBody>
            </p:sp>
            <p:sp>
              <p:nvSpPr>
                <p:cNvPr id="1120" name="Freeform: Shape 1119">
                  <a:extLst>
                    <a:ext uri="{FF2B5EF4-FFF2-40B4-BE49-F238E27FC236}">
                      <a16:creationId xmlns:a16="http://schemas.microsoft.com/office/drawing/2014/main" id="{CEAF244F-B6A4-6D9F-926A-D3A70CB98165}"/>
                    </a:ext>
                  </a:extLst>
                </p:cNvPr>
                <p:cNvSpPr/>
                <p:nvPr/>
              </p:nvSpPr>
              <p:spPr>
                <a:xfrm>
                  <a:off x="10684354" y="8008210"/>
                  <a:ext cx="499377" cy="12677"/>
                </a:xfrm>
                <a:custGeom>
                  <a:avLst/>
                  <a:gdLst>
                    <a:gd name="connsiteX0" fmla="*/ 0 w 499377"/>
                    <a:gd name="connsiteY0" fmla="*/ 0 h 12677"/>
                    <a:gd name="connsiteX1" fmla="*/ 499378 w 499377"/>
                    <a:gd name="connsiteY1" fmla="*/ 0 h 12677"/>
                  </a:gdLst>
                  <a:ahLst/>
                  <a:cxnLst>
                    <a:cxn ang="0">
                      <a:pos x="connsiteX0" y="connsiteY0"/>
                    </a:cxn>
                    <a:cxn ang="0">
                      <a:pos x="connsiteX1" y="connsiteY1"/>
                    </a:cxn>
                  </a:cxnLst>
                  <a:rect l="l" t="t" r="r" b="b"/>
                  <a:pathLst>
                    <a:path w="499377" h="12677">
                      <a:moveTo>
                        <a:pt x="0" y="0"/>
                      </a:moveTo>
                      <a:lnTo>
                        <a:pt x="499378" y="0"/>
                      </a:lnTo>
                    </a:path>
                  </a:pathLst>
                </a:custGeom>
                <a:ln w="12674" cap="rnd">
                  <a:solidFill>
                    <a:schemeClr val="tx1"/>
                  </a:solidFill>
                  <a:prstDash val="solid"/>
                  <a:round/>
                </a:ln>
              </p:spPr>
              <p:txBody>
                <a:bodyPr rtlCol="0" anchor="ctr"/>
                <a:lstStyle/>
                <a:p>
                  <a:endParaRPr lang="es-ES" sz="1092"/>
                </a:p>
              </p:txBody>
            </p:sp>
            <p:sp>
              <p:nvSpPr>
                <p:cNvPr id="1121" name="Freeform: Shape 1120">
                  <a:extLst>
                    <a:ext uri="{FF2B5EF4-FFF2-40B4-BE49-F238E27FC236}">
                      <a16:creationId xmlns:a16="http://schemas.microsoft.com/office/drawing/2014/main" id="{8401A6A5-3D36-BE27-6E18-A4D0F6A292DF}"/>
                    </a:ext>
                  </a:extLst>
                </p:cNvPr>
                <p:cNvSpPr/>
                <p:nvPr/>
              </p:nvSpPr>
              <p:spPr>
                <a:xfrm>
                  <a:off x="10653294" y="8076416"/>
                  <a:ext cx="563527" cy="12677"/>
                </a:xfrm>
                <a:custGeom>
                  <a:avLst/>
                  <a:gdLst>
                    <a:gd name="connsiteX0" fmla="*/ 0 w 563527"/>
                    <a:gd name="connsiteY0" fmla="*/ 0 h 12677"/>
                    <a:gd name="connsiteX1" fmla="*/ 563527 w 563527"/>
                    <a:gd name="connsiteY1" fmla="*/ 0 h 12677"/>
                  </a:gdLst>
                  <a:ahLst/>
                  <a:cxnLst>
                    <a:cxn ang="0">
                      <a:pos x="connsiteX0" y="connsiteY0"/>
                    </a:cxn>
                    <a:cxn ang="0">
                      <a:pos x="connsiteX1" y="connsiteY1"/>
                    </a:cxn>
                  </a:cxnLst>
                  <a:rect l="l" t="t" r="r" b="b"/>
                  <a:pathLst>
                    <a:path w="563527" h="12677">
                      <a:moveTo>
                        <a:pt x="0" y="0"/>
                      </a:moveTo>
                      <a:lnTo>
                        <a:pt x="563527" y="0"/>
                      </a:lnTo>
                    </a:path>
                  </a:pathLst>
                </a:custGeom>
                <a:ln w="12674" cap="rnd">
                  <a:solidFill>
                    <a:schemeClr val="tx1"/>
                  </a:solidFill>
                  <a:prstDash val="solid"/>
                  <a:round/>
                </a:ln>
              </p:spPr>
              <p:txBody>
                <a:bodyPr rtlCol="0" anchor="ctr"/>
                <a:lstStyle/>
                <a:p>
                  <a:endParaRPr lang="es-ES" sz="1092"/>
                </a:p>
              </p:txBody>
            </p:sp>
            <p:sp>
              <p:nvSpPr>
                <p:cNvPr id="1122" name="Freeform: Shape 1121">
                  <a:extLst>
                    <a:ext uri="{FF2B5EF4-FFF2-40B4-BE49-F238E27FC236}">
                      <a16:creationId xmlns:a16="http://schemas.microsoft.com/office/drawing/2014/main" id="{99662884-2F9E-3DA9-2F93-A1C49048A53E}"/>
                    </a:ext>
                  </a:extLst>
                </p:cNvPr>
                <p:cNvSpPr/>
                <p:nvPr/>
              </p:nvSpPr>
              <p:spPr>
                <a:xfrm>
                  <a:off x="10727839" y="7940130"/>
                  <a:ext cx="65924" cy="205506"/>
                </a:xfrm>
                <a:custGeom>
                  <a:avLst/>
                  <a:gdLst>
                    <a:gd name="connsiteX0" fmla="*/ 0 w 65924"/>
                    <a:gd name="connsiteY0" fmla="*/ 205507 h 205506"/>
                    <a:gd name="connsiteX1" fmla="*/ 65924 w 65924"/>
                    <a:gd name="connsiteY1" fmla="*/ 0 h 205506"/>
                  </a:gdLst>
                  <a:ahLst/>
                  <a:cxnLst>
                    <a:cxn ang="0">
                      <a:pos x="connsiteX0" y="connsiteY0"/>
                    </a:cxn>
                    <a:cxn ang="0">
                      <a:pos x="connsiteX1" y="connsiteY1"/>
                    </a:cxn>
                  </a:cxnLst>
                  <a:rect l="l" t="t" r="r" b="b"/>
                  <a:pathLst>
                    <a:path w="65924" h="205506">
                      <a:moveTo>
                        <a:pt x="0" y="205507"/>
                      </a:moveTo>
                      <a:lnTo>
                        <a:pt x="65924" y="0"/>
                      </a:lnTo>
                    </a:path>
                  </a:pathLst>
                </a:custGeom>
                <a:ln w="12674" cap="rnd">
                  <a:solidFill>
                    <a:schemeClr val="tx1"/>
                  </a:solidFill>
                  <a:prstDash val="solid"/>
                  <a:round/>
                </a:ln>
              </p:spPr>
              <p:txBody>
                <a:bodyPr rtlCol="0" anchor="ctr"/>
                <a:lstStyle/>
                <a:p>
                  <a:endParaRPr lang="es-ES" sz="1092"/>
                </a:p>
              </p:txBody>
            </p:sp>
            <p:sp>
              <p:nvSpPr>
                <p:cNvPr id="1123" name="Freeform: Shape 1122">
                  <a:extLst>
                    <a:ext uri="{FF2B5EF4-FFF2-40B4-BE49-F238E27FC236}">
                      <a16:creationId xmlns:a16="http://schemas.microsoft.com/office/drawing/2014/main" id="{76246D53-4DE1-C706-F045-35D6C86B927E}"/>
                    </a:ext>
                  </a:extLst>
                </p:cNvPr>
                <p:cNvSpPr/>
                <p:nvPr/>
              </p:nvSpPr>
              <p:spPr>
                <a:xfrm>
                  <a:off x="10836488" y="7940130"/>
                  <a:ext cx="28905" cy="209817"/>
                </a:xfrm>
                <a:custGeom>
                  <a:avLst/>
                  <a:gdLst>
                    <a:gd name="connsiteX0" fmla="*/ 0 w 28905"/>
                    <a:gd name="connsiteY0" fmla="*/ 209817 h 209817"/>
                    <a:gd name="connsiteX1" fmla="*/ 28905 w 28905"/>
                    <a:gd name="connsiteY1" fmla="*/ 0 h 209817"/>
                  </a:gdLst>
                  <a:ahLst/>
                  <a:cxnLst>
                    <a:cxn ang="0">
                      <a:pos x="connsiteX0" y="connsiteY0"/>
                    </a:cxn>
                    <a:cxn ang="0">
                      <a:pos x="connsiteX1" y="connsiteY1"/>
                    </a:cxn>
                  </a:cxnLst>
                  <a:rect l="l" t="t" r="r" b="b"/>
                  <a:pathLst>
                    <a:path w="28905" h="209817">
                      <a:moveTo>
                        <a:pt x="0" y="209817"/>
                      </a:moveTo>
                      <a:lnTo>
                        <a:pt x="28905" y="0"/>
                      </a:lnTo>
                    </a:path>
                  </a:pathLst>
                </a:custGeom>
                <a:ln w="12674" cap="rnd">
                  <a:solidFill>
                    <a:schemeClr val="tx1"/>
                  </a:solidFill>
                  <a:prstDash val="solid"/>
                  <a:round/>
                </a:ln>
              </p:spPr>
              <p:txBody>
                <a:bodyPr rtlCol="0" anchor="ctr"/>
                <a:lstStyle/>
                <a:p>
                  <a:endParaRPr lang="es-ES" sz="1092"/>
                </a:p>
              </p:txBody>
            </p:sp>
            <p:sp>
              <p:nvSpPr>
                <p:cNvPr id="1124" name="Freeform: Shape 1123">
                  <a:extLst>
                    <a:ext uri="{FF2B5EF4-FFF2-40B4-BE49-F238E27FC236}">
                      <a16:creationId xmlns:a16="http://schemas.microsoft.com/office/drawing/2014/main" id="{169F6414-1AA3-5642-2646-595C04EEDFAD}"/>
                    </a:ext>
                  </a:extLst>
                </p:cNvPr>
                <p:cNvSpPr/>
                <p:nvPr/>
              </p:nvSpPr>
              <p:spPr>
                <a:xfrm>
                  <a:off x="10933980" y="7940130"/>
                  <a:ext cx="507" cy="209817"/>
                </a:xfrm>
                <a:custGeom>
                  <a:avLst/>
                  <a:gdLst>
                    <a:gd name="connsiteX0" fmla="*/ 0 w 507"/>
                    <a:gd name="connsiteY0" fmla="*/ 209817 h 209817"/>
                    <a:gd name="connsiteX1" fmla="*/ 507 w 507"/>
                    <a:gd name="connsiteY1" fmla="*/ 0 h 209817"/>
                  </a:gdLst>
                  <a:ahLst/>
                  <a:cxnLst>
                    <a:cxn ang="0">
                      <a:pos x="connsiteX0" y="connsiteY0"/>
                    </a:cxn>
                    <a:cxn ang="0">
                      <a:pos x="connsiteX1" y="connsiteY1"/>
                    </a:cxn>
                  </a:cxnLst>
                  <a:rect l="l" t="t" r="r" b="b"/>
                  <a:pathLst>
                    <a:path w="507" h="209817">
                      <a:moveTo>
                        <a:pt x="0" y="209817"/>
                      </a:moveTo>
                      <a:lnTo>
                        <a:pt x="507" y="0"/>
                      </a:lnTo>
                    </a:path>
                  </a:pathLst>
                </a:custGeom>
                <a:ln w="12674" cap="rnd">
                  <a:solidFill>
                    <a:schemeClr val="tx1"/>
                  </a:solidFill>
                  <a:prstDash val="solid"/>
                  <a:round/>
                </a:ln>
              </p:spPr>
              <p:txBody>
                <a:bodyPr rtlCol="0" anchor="ctr"/>
                <a:lstStyle/>
                <a:p>
                  <a:endParaRPr lang="es-ES" sz="1092"/>
                </a:p>
              </p:txBody>
            </p:sp>
            <p:sp>
              <p:nvSpPr>
                <p:cNvPr id="1125" name="Freeform: Shape 1124">
                  <a:extLst>
                    <a:ext uri="{FF2B5EF4-FFF2-40B4-BE49-F238E27FC236}">
                      <a16:creationId xmlns:a16="http://schemas.microsoft.com/office/drawing/2014/main" id="{C6DD9BFC-31FF-0842-CF67-4BA0C914C017}"/>
                    </a:ext>
                  </a:extLst>
                </p:cNvPr>
                <p:cNvSpPr/>
                <p:nvPr/>
              </p:nvSpPr>
              <p:spPr>
                <a:xfrm>
                  <a:off x="11075084" y="7940130"/>
                  <a:ext cx="65924" cy="205506"/>
                </a:xfrm>
                <a:custGeom>
                  <a:avLst/>
                  <a:gdLst>
                    <a:gd name="connsiteX0" fmla="*/ 65925 w 65924"/>
                    <a:gd name="connsiteY0" fmla="*/ 205507 h 205506"/>
                    <a:gd name="connsiteX1" fmla="*/ 0 w 65924"/>
                    <a:gd name="connsiteY1" fmla="*/ 0 h 205506"/>
                  </a:gdLst>
                  <a:ahLst/>
                  <a:cxnLst>
                    <a:cxn ang="0">
                      <a:pos x="connsiteX0" y="connsiteY0"/>
                    </a:cxn>
                    <a:cxn ang="0">
                      <a:pos x="connsiteX1" y="connsiteY1"/>
                    </a:cxn>
                  </a:cxnLst>
                  <a:rect l="l" t="t" r="r" b="b"/>
                  <a:pathLst>
                    <a:path w="65924" h="205506">
                      <a:moveTo>
                        <a:pt x="65925" y="205507"/>
                      </a:moveTo>
                      <a:lnTo>
                        <a:pt x="0" y="0"/>
                      </a:lnTo>
                    </a:path>
                  </a:pathLst>
                </a:custGeom>
                <a:ln w="12674" cap="rnd">
                  <a:solidFill>
                    <a:schemeClr val="tx1"/>
                  </a:solidFill>
                  <a:prstDash val="solid"/>
                  <a:round/>
                </a:ln>
              </p:spPr>
              <p:txBody>
                <a:bodyPr rtlCol="0" anchor="ctr"/>
                <a:lstStyle/>
                <a:p>
                  <a:endParaRPr lang="es-ES" sz="1092"/>
                </a:p>
              </p:txBody>
            </p:sp>
            <p:sp>
              <p:nvSpPr>
                <p:cNvPr id="1126" name="Freeform: Shape 1125">
                  <a:extLst>
                    <a:ext uri="{FF2B5EF4-FFF2-40B4-BE49-F238E27FC236}">
                      <a16:creationId xmlns:a16="http://schemas.microsoft.com/office/drawing/2014/main" id="{90262596-ECCF-660F-CD3B-44082CA60CC6}"/>
                    </a:ext>
                  </a:extLst>
                </p:cNvPr>
                <p:cNvSpPr/>
                <p:nvPr/>
              </p:nvSpPr>
              <p:spPr>
                <a:xfrm>
                  <a:off x="11003454" y="7940130"/>
                  <a:ext cx="28905" cy="209817"/>
                </a:xfrm>
                <a:custGeom>
                  <a:avLst/>
                  <a:gdLst>
                    <a:gd name="connsiteX0" fmla="*/ 28905 w 28905"/>
                    <a:gd name="connsiteY0" fmla="*/ 209817 h 209817"/>
                    <a:gd name="connsiteX1" fmla="*/ 0 w 28905"/>
                    <a:gd name="connsiteY1" fmla="*/ 0 h 209817"/>
                  </a:gdLst>
                  <a:ahLst/>
                  <a:cxnLst>
                    <a:cxn ang="0">
                      <a:pos x="connsiteX0" y="connsiteY0"/>
                    </a:cxn>
                    <a:cxn ang="0">
                      <a:pos x="connsiteX1" y="connsiteY1"/>
                    </a:cxn>
                  </a:cxnLst>
                  <a:rect l="l" t="t" r="r" b="b"/>
                  <a:pathLst>
                    <a:path w="28905" h="209817">
                      <a:moveTo>
                        <a:pt x="28905" y="209817"/>
                      </a:moveTo>
                      <a:lnTo>
                        <a:pt x="0" y="0"/>
                      </a:lnTo>
                    </a:path>
                  </a:pathLst>
                </a:custGeom>
                <a:ln w="12674" cap="rnd">
                  <a:solidFill>
                    <a:schemeClr val="tx1"/>
                  </a:solidFill>
                  <a:prstDash val="solid"/>
                  <a:round/>
                </a:ln>
              </p:spPr>
              <p:txBody>
                <a:bodyPr rtlCol="0" anchor="ctr"/>
                <a:lstStyle/>
                <a:p>
                  <a:endParaRPr lang="es-ES" sz="1092"/>
                </a:p>
              </p:txBody>
            </p:sp>
            <p:sp>
              <p:nvSpPr>
                <p:cNvPr id="1127" name="Freeform: Shape 1126">
                  <a:extLst>
                    <a:ext uri="{FF2B5EF4-FFF2-40B4-BE49-F238E27FC236}">
                      <a16:creationId xmlns:a16="http://schemas.microsoft.com/office/drawing/2014/main" id="{ABE26FCC-1AA0-AF4B-1DFD-6A3B94FF4AFE}"/>
                    </a:ext>
                  </a:extLst>
                </p:cNvPr>
                <p:cNvSpPr/>
                <p:nvPr/>
              </p:nvSpPr>
              <p:spPr>
                <a:xfrm>
                  <a:off x="10836488" y="8228296"/>
                  <a:ext cx="195871" cy="103577"/>
                </a:xfrm>
                <a:custGeom>
                  <a:avLst/>
                  <a:gdLst>
                    <a:gd name="connsiteX0" fmla="*/ 0 w 195871"/>
                    <a:gd name="connsiteY0" fmla="*/ 0 h 103577"/>
                    <a:gd name="connsiteX1" fmla="*/ 195872 w 195871"/>
                    <a:gd name="connsiteY1" fmla="*/ 0 h 103577"/>
                    <a:gd name="connsiteX2" fmla="*/ 195872 w 195871"/>
                    <a:gd name="connsiteY2" fmla="*/ 103577 h 103577"/>
                    <a:gd name="connsiteX3" fmla="*/ 0 w 195871"/>
                    <a:gd name="connsiteY3" fmla="*/ 103577 h 103577"/>
                  </a:gdLst>
                  <a:ahLst/>
                  <a:cxnLst>
                    <a:cxn ang="0">
                      <a:pos x="connsiteX0" y="connsiteY0"/>
                    </a:cxn>
                    <a:cxn ang="0">
                      <a:pos x="connsiteX1" y="connsiteY1"/>
                    </a:cxn>
                    <a:cxn ang="0">
                      <a:pos x="connsiteX2" y="connsiteY2"/>
                    </a:cxn>
                    <a:cxn ang="0">
                      <a:pos x="connsiteX3" y="connsiteY3"/>
                    </a:cxn>
                  </a:cxnLst>
                  <a:rect l="l" t="t" r="r" b="b"/>
                  <a:pathLst>
                    <a:path w="195871" h="103577">
                      <a:moveTo>
                        <a:pt x="0" y="0"/>
                      </a:moveTo>
                      <a:lnTo>
                        <a:pt x="195872" y="0"/>
                      </a:lnTo>
                      <a:lnTo>
                        <a:pt x="195872" y="103577"/>
                      </a:lnTo>
                      <a:lnTo>
                        <a:pt x="0" y="103577"/>
                      </a:ln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128" name="Freeform: Shape 1127">
                  <a:extLst>
                    <a:ext uri="{FF2B5EF4-FFF2-40B4-BE49-F238E27FC236}">
                      <a16:creationId xmlns:a16="http://schemas.microsoft.com/office/drawing/2014/main" id="{CB679590-259C-F522-6F36-5F0491669CF7}"/>
                    </a:ext>
                  </a:extLst>
                </p:cNvPr>
                <p:cNvSpPr/>
                <p:nvPr/>
              </p:nvSpPr>
              <p:spPr>
                <a:xfrm>
                  <a:off x="10601442" y="8149947"/>
                  <a:ext cx="665963" cy="78348"/>
                </a:xfrm>
                <a:custGeom>
                  <a:avLst/>
                  <a:gdLst>
                    <a:gd name="connsiteX0" fmla="*/ 626789 w 665963"/>
                    <a:gd name="connsiteY0" fmla="*/ 78349 h 78348"/>
                    <a:gd name="connsiteX1" fmla="*/ 39174 w 665963"/>
                    <a:gd name="connsiteY1" fmla="*/ 78349 h 78348"/>
                    <a:gd name="connsiteX2" fmla="*/ 0 w 665963"/>
                    <a:gd name="connsiteY2" fmla="*/ 39174 h 78348"/>
                    <a:gd name="connsiteX3" fmla="*/ 0 w 665963"/>
                    <a:gd name="connsiteY3" fmla="*/ 39174 h 78348"/>
                    <a:gd name="connsiteX4" fmla="*/ 39174 w 665963"/>
                    <a:gd name="connsiteY4" fmla="*/ 0 h 78348"/>
                    <a:gd name="connsiteX5" fmla="*/ 626789 w 665963"/>
                    <a:gd name="connsiteY5" fmla="*/ 0 h 78348"/>
                    <a:gd name="connsiteX6" fmla="*/ 665964 w 665963"/>
                    <a:gd name="connsiteY6" fmla="*/ 39174 h 78348"/>
                    <a:gd name="connsiteX7" fmla="*/ 665964 w 665963"/>
                    <a:gd name="connsiteY7" fmla="*/ 39174 h 78348"/>
                    <a:gd name="connsiteX8" fmla="*/ 626789 w 665963"/>
                    <a:gd name="connsiteY8" fmla="*/ 78349 h 783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65963" h="78348">
                      <a:moveTo>
                        <a:pt x="626789" y="78349"/>
                      </a:moveTo>
                      <a:lnTo>
                        <a:pt x="39174" y="78349"/>
                      </a:lnTo>
                      <a:cubicBezTo>
                        <a:pt x="17495" y="78349"/>
                        <a:pt x="0" y="60853"/>
                        <a:pt x="0" y="39174"/>
                      </a:cubicBezTo>
                      <a:lnTo>
                        <a:pt x="0" y="39174"/>
                      </a:lnTo>
                      <a:cubicBezTo>
                        <a:pt x="0" y="17495"/>
                        <a:pt x="17495" y="0"/>
                        <a:pt x="39174" y="0"/>
                      </a:cubicBezTo>
                      <a:lnTo>
                        <a:pt x="626789" y="0"/>
                      </a:lnTo>
                      <a:cubicBezTo>
                        <a:pt x="648468" y="0"/>
                        <a:pt x="665964" y="17495"/>
                        <a:pt x="665964" y="39174"/>
                      </a:cubicBezTo>
                      <a:lnTo>
                        <a:pt x="665964" y="39174"/>
                      </a:lnTo>
                      <a:cubicBezTo>
                        <a:pt x="665964" y="60853"/>
                        <a:pt x="648468" y="78349"/>
                        <a:pt x="626789" y="78349"/>
                      </a:cubicBezTo>
                      <a:close/>
                    </a:path>
                  </a:pathLst>
                </a:custGeom>
                <a:solidFill>
                  <a:srgbClr val="FFFFFF"/>
                </a:solidFill>
                <a:ln w="12674" cap="rnd">
                  <a:solidFill>
                    <a:schemeClr val="tx1"/>
                  </a:solidFill>
                  <a:prstDash val="solid"/>
                  <a:round/>
                </a:ln>
              </p:spPr>
              <p:txBody>
                <a:bodyPr rtlCol="0" anchor="ctr"/>
                <a:lstStyle/>
                <a:p>
                  <a:endParaRPr lang="es-ES" sz="1092"/>
                </a:p>
              </p:txBody>
            </p:sp>
          </p:grpSp>
        </p:grpSp>
        <p:sp>
          <p:nvSpPr>
            <p:cNvPr id="1129" name="Freeform: Shape 1128">
              <a:extLst>
                <a:ext uri="{FF2B5EF4-FFF2-40B4-BE49-F238E27FC236}">
                  <a16:creationId xmlns:a16="http://schemas.microsoft.com/office/drawing/2014/main" id="{BE57C415-9E8A-D827-5F19-7A64D1B94739}"/>
                </a:ext>
              </a:extLst>
            </p:cNvPr>
            <p:cNvSpPr/>
            <p:nvPr/>
          </p:nvSpPr>
          <p:spPr>
            <a:xfrm>
              <a:off x="16390241" y="5884935"/>
              <a:ext cx="303252" cy="303252"/>
            </a:xfrm>
            <a:custGeom>
              <a:avLst/>
              <a:gdLst>
                <a:gd name="connsiteX0" fmla="*/ 303253 w 303252"/>
                <a:gd name="connsiteY0" fmla="*/ 151626 h 303252"/>
                <a:gd name="connsiteX1" fmla="*/ 151626 w 303252"/>
                <a:gd name="connsiteY1" fmla="*/ 303252 h 303252"/>
                <a:gd name="connsiteX2" fmla="*/ 0 w 303252"/>
                <a:gd name="connsiteY2" fmla="*/ 151626 h 303252"/>
                <a:gd name="connsiteX3" fmla="*/ 151626 w 303252"/>
                <a:gd name="connsiteY3" fmla="*/ 0 h 303252"/>
                <a:gd name="connsiteX4" fmla="*/ 303253 w 303252"/>
                <a:gd name="connsiteY4" fmla="*/ 151626 h 303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3252" h="303252">
                  <a:moveTo>
                    <a:pt x="303253" y="151626"/>
                  </a:moveTo>
                  <a:cubicBezTo>
                    <a:pt x="303253" y="235367"/>
                    <a:pt x="235367" y="303252"/>
                    <a:pt x="151626" y="303252"/>
                  </a:cubicBezTo>
                  <a:cubicBezTo>
                    <a:pt x="67885" y="303252"/>
                    <a:pt x="0" y="235367"/>
                    <a:pt x="0" y="151626"/>
                  </a:cubicBezTo>
                  <a:cubicBezTo>
                    <a:pt x="0" y="67885"/>
                    <a:pt x="67885" y="0"/>
                    <a:pt x="151626" y="0"/>
                  </a:cubicBezTo>
                  <a:cubicBezTo>
                    <a:pt x="235367" y="0"/>
                    <a:pt x="303253" y="67885"/>
                    <a:pt x="303253" y="151626"/>
                  </a:cubicBezTo>
                  <a:close/>
                </a:path>
              </a:pathLst>
            </a:custGeom>
            <a:solidFill>
              <a:srgbClr val="FFFFFF"/>
            </a:solidFill>
            <a:ln w="12674" cap="rnd">
              <a:solidFill>
                <a:schemeClr val="tx1"/>
              </a:solidFill>
              <a:prstDash val="solid"/>
              <a:round/>
            </a:ln>
          </p:spPr>
          <p:txBody>
            <a:bodyPr rtlCol="0" anchor="ctr"/>
            <a:lstStyle/>
            <a:p>
              <a:endParaRPr lang="es-ES" sz="1092"/>
            </a:p>
          </p:txBody>
        </p:sp>
        <p:sp>
          <p:nvSpPr>
            <p:cNvPr id="1130" name="Freeform: Shape 1129">
              <a:extLst>
                <a:ext uri="{FF2B5EF4-FFF2-40B4-BE49-F238E27FC236}">
                  <a16:creationId xmlns:a16="http://schemas.microsoft.com/office/drawing/2014/main" id="{5469D2FE-F417-88B7-8E85-617564CB3091}"/>
                </a:ext>
              </a:extLst>
            </p:cNvPr>
            <p:cNvSpPr/>
            <p:nvPr/>
          </p:nvSpPr>
          <p:spPr>
            <a:xfrm>
              <a:off x="9563386" y="5898120"/>
              <a:ext cx="810236" cy="455385"/>
            </a:xfrm>
            <a:custGeom>
              <a:avLst/>
              <a:gdLst>
                <a:gd name="connsiteX0" fmla="*/ 270290 w 810236"/>
                <a:gd name="connsiteY0" fmla="*/ 159994 h 455385"/>
                <a:gd name="connsiteX1" fmla="*/ 190927 w 810236"/>
                <a:gd name="connsiteY1" fmla="*/ 129060 h 455385"/>
                <a:gd name="connsiteX2" fmla="*/ 73531 w 810236"/>
                <a:gd name="connsiteY2" fmla="*/ 246456 h 455385"/>
                <a:gd name="connsiteX3" fmla="*/ 92801 w 810236"/>
                <a:gd name="connsiteY3" fmla="*/ 310859 h 455385"/>
                <a:gd name="connsiteX4" fmla="*/ 92801 w 810236"/>
                <a:gd name="connsiteY4" fmla="*/ 310859 h 455385"/>
                <a:gd name="connsiteX5" fmla="*/ 73531 w 810236"/>
                <a:gd name="connsiteY5" fmla="*/ 308324 h 455385"/>
                <a:gd name="connsiteX6" fmla="*/ 0 w 810236"/>
                <a:gd name="connsiteY6" fmla="*/ 381855 h 455385"/>
                <a:gd name="connsiteX7" fmla="*/ 73531 w 810236"/>
                <a:gd name="connsiteY7" fmla="*/ 455386 h 455385"/>
                <a:gd name="connsiteX8" fmla="*/ 694108 w 810236"/>
                <a:gd name="connsiteY8" fmla="*/ 455386 h 455385"/>
                <a:gd name="connsiteX9" fmla="*/ 810237 w 810236"/>
                <a:gd name="connsiteY9" fmla="*/ 344328 h 455385"/>
                <a:gd name="connsiteX10" fmla="*/ 694108 w 810236"/>
                <a:gd name="connsiteY10" fmla="*/ 233271 h 455385"/>
                <a:gd name="connsiteX11" fmla="*/ 658484 w 810236"/>
                <a:gd name="connsiteY11" fmla="*/ 238596 h 455385"/>
                <a:gd name="connsiteX12" fmla="*/ 659118 w 810236"/>
                <a:gd name="connsiteY12" fmla="*/ 237835 h 455385"/>
                <a:gd name="connsiteX13" fmla="*/ 685361 w 810236"/>
                <a:gd name="connsiteY13" fmla="*/ 203225 h 455385"/>
                <a:gd name="connsiteX14" fmla="*/ 632875 w 810236"/>
                <a:gd name="connsiteY14" fmla="*/ 45640 h 455385"/>
                <a:gd name="connsiteX15" fmla="*/ 489489 w 810236"/>
                <a:gd name="connsiteY15" fmla="*/ 76193 h 455385"/>
                <a:gd name="connsiteX16" fmla="*/ 489489 w 810236"/>
                <a:gd name="connsiteY16" fmla="*/ 76193 h 455385"/>
                <a:gd name="connsiteX17" fmla="*/ 379573 w 810236"/>
                <a:gd name="connsiteY17" fmla="*/ 0 h 455385"/>
                <a:gd name="connsiteX18" fmla="*/ 262177 w 810236"/>
                <a:gd name="connsiteY18" fmla="*/ 117396 h 455385"/>
                <a:gd name="connsiteX19" fmla="*/ 270164 w 810236"/>
                <a:gd name="connsiteY19" fmla="*/ 160120 h 4553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810236" h="455385">
                  <a:moveTo>
                    <a:pt x="270290" y="159994"/>
                  </a:moveTo>
                  <a:cubicBezTo>
                    <a:pt x="249372" y="140723"/>
                    <a:pt x="221481" y="129060"/>
                    <a:pt x="190927" y="129060"/>
                  </a:cubicBezTo>
                  <a:cubicBezTo>
                    <a:pt x="126144" y="129060"/>
                    <a:pt x="73531" y="181673"/>
                    <a:pt x="73531" y="246456"/>
                  </a:cubicBezTo>
                  <a:cubicBezTo>
                    <a:pt x="73531" y="270163"/>
                    <a:pt x="80631" y="292350"/>
                    <a:pt x="92801" y="310859"/>
                  </a:cubicBezTo>
                  <a:lnTo>
                    <a:pt x="92801" y="310859"/>
                  </a:lnTo>
                  <a:cubicBezTo>
                    <a:pt x="86716" y="309211"/>
                    <a:pt x="80250" y="308324"/>
                    <a:pt x="73531" y="308324"/>
                  </a:cubicBezTo>
                  <a:cubicBezTo>
                    <a:pt x="32962" y="308324"/>
                    <a:pt x="0" y="341286"/>
                    <a:pt x="0" y="381855"/>
                  </a:cubicBezTo>
                  <a:cubicBezTo>
                    <a:pt x="0" y="422424"/>
                    <a:pt x="32962" y="455386"/>
                    <a:pt x="73531" y="455386"/>
                  </a:cubicBezTo>
                  <a:lnTo>
                    <a:pt x="694108" y="455386"/>
                  </a:lnTo>
                  <a:cubicBezTo>
                    <a:pt x="758258" y="455386"/>
                    <a:pt x="810237" y="405689"/>
                    <a:pt x="810237" y="344328"/>
                  </a:cubicBezTo>
                  <a:cubicBezTo>
                    <a:pt x="810237" y="282968"/>
                    <a:pt x="758258" y="233271"/>
                    <a:pt x="694108" y="233271"/>
                  </a:cubicBezTo>
                  <a:cubicBezTo>
                    <a:pt x="681684" y="233271"/>
                    <a:pt x="669767" y="235173"/>
                    <a:pt x="658484" y="238596"/>
                  </a:cubicBezTo>
                  <a:lnTo>
                    <a:pt x="659118" y="237835"/>
                  </a:lnTo>
                  <a:cubicBezTo>
                    <a:pt x="669640" y="228327"/>
                    <a:pt x="678641" y="216790"/>
                    <a:pt x="685361" y="203225"/>
                  </a:cubicBezTo>
                  <a:cubicBezTo>
                    <a:pt x="714393" y="145287"/>
                    <a:pt x="690939" y="74672"/>
                    <a:pt x="632875" y="45640"/>
                  </a:cubicBezTo>
                  <a:cubicBezTo>
                    <a:pt x="582924" y="20665"/>
                    <a:pt x="523465" y="34610"/>
                    <a:pt x="489489" y="76193"/>
                  </a:cubicBezTo>
                  <a:lnTo>
                    <a:pt x="489489" y="76193"/>
                  </a:lnTo>
                  <a:cubicBezTo>
                    <a:pt x="472754" y="31694"/>
                    <a:pt x="429904" y="0"/>
                    <a:pt x="379573" y="0"/>
                  </a:cubicBezTo>
                  <a:cubicBezTo>
                    <a:pt x="314789" y="0"/>
                    <a:pt x="262177" y="52613"/>
                    <a:pt x="262177" y="117396"/>
                  </a:cubicBezTo>
                  <a:cubicBezTo>
                    <a:pt x="262177" y="132483"/>
                    <a:pt x="265092" y="146809"/>
                    <a:pt x="270164" y="160120"/>
                  </a:cubicBezTo>
                </a:path>
              </a:pathLst>
            </a:custGeom>
            <a:solidFill>
              <a:srgbClr val="FFFFFF"/>
            </a:solidFill>
            <a:ln w="12674" cap="rnd">
              <a:solidFill>
                <a:schemeClr val="tx1"/>
              </a:solidFill>
              <a:prstDash val="solid"/>
              <a:round/>
            </a:ln>
          </p:spPr>
          <p:txBody>
            <a:bodyPr rtlCol="0" anchor="ctr"/>
            <a:lstStyle/>
            <a:p>
              <a:endParaRPr lang="es-ES" sz="1092"/>
            </a:p>
          </p:txBody>
        </p:sp>
        <p:grpSp>
          <p:nvGrpSpPr>
            <p:cNvPr id="1131" name="Graphic 778">
              <a:extLst>
                <a:ext uri="{FF2B5EF4-FFF2-40B4-BE49-F238E27FC236}">
                  <a16:creationId xmlns:a16="http://schemas.microsoft.com/office/drawing/2014/main" id="{9D478774-E084-BE59-25FA-AFFB91015DAD}"/>
                </a:ext>
              </a:extLst>
            </p:cNvPr>
            <p:cNvGrpSpPr/>
            <p:nvPr/>
          </p:nvGrpSpPr>
          <p:grpSpPr>
            <a:xfrm>
              <a:off x="9668358" y="6470268"/>
              <a:ext cx="612842" cy="587868"/>
              <a:chOff x="9668358" y="6470268"/>
              <a:chExt cx="612842" cy="587868"/>
            </a:xfrm>
          </p:grpSpPr>
          <p:sp>
            <p:nvSpPr>
              <p:cNvPr id="1132" name="Freeform: Shape 1131">
                <a:extLst>
                  <a:ext uri="{FF2B5EF4-FFF2-40B4-BE49-F238E27FC236}">
                    <a16:creationId xmlns:a16="http://schemas.microsoft.com/office/drawing/2014/main" id="{D812908A-7B05-B50A-E26A-A6BC39B02A96}"/>
                  </a:ext>
                </a:extLst>
              </p:cNvPr>
              <p:cNvSpPr/>
              <p:nvPr/>
            </p:nvSpPr>
            <p:spPr>
              <a:xfrm>
                <a:off x="9668358" y="6470268"/>
                <a:ext cx="12677" cy="587868"/>
              </a:xfrm>
              <a:custGeom>
                <a:avLst/>
                <a:gdLst>
                  <a:gd name="connsiteX0" fmla="*/ 0 w 12677"/>
                  <a:gd name="connsiteY0" fmla="*/ 0 h 587868"/>
                  <a:gd name="connsiteX1" fmla="*/ 0 w 12677"/>
                  <a:gd name="connsiteY1" fmla="*/ 587869 h 587868"/>
                </a:gdLst>
                <a:ahLst/>
                <a:cxnLst>
                  <a:cxn ang="0">
                    <a:pos x="connsiteX0" y="connsiteY0"/>
                  </a:cxn>
                  <a:cxn ang="0">
                    <a:pos x="connsiteX1" y="connsiteY1"/>
                  </a:cxn>
                </a:cxnLst>
                <a:rect l="l" t="t" r="r" b="b"/>
                <a:pathLst>
                  <a:path w="12677" h="587868">
                    <a:moveTo>
                      <a:pt x="0" y="0"/>
                    </a:moveTo>
                    <a:lnTo>
                      <a:pt x="0" y="587869"/>
                    </a:lnTo>
                  </a:path>
                </a:pathLst>
              </a:custGeom>
              <a:ln w="12674" cap="rnd">
                <a:solidFill>
                  <a:schemeClr val="tx1"/>
                </a:solidFill>
                <a:prstDash val="sysDash"/>
                <a:round/>
              </a:ln>
            </p:spPr>
            <p:txBody>
              <a:bodyPr rtlCol="0" anchor="ctr"/>
              <a:lstStyle/>
              <a:p>
                <a:endParaRPr lang="es-ES" sz="1092"/>
              </a:p>
            </p:txBody>
          </p:sp>
          <p:sp>
            <p:nvSpPr>
              <p:cNvPr id="1133" name="Freeform: Shape 1132">
                <a:extLst>
                  <a:ext uri="{FF2B5EF4-FFF2-40B4-BE49-F238E27FC236}">
                    <a16:creationId xmlns:a16="http://schemas.microsoft.com/office/drawing/2014/main" id="{E2806961-A308-0AED-320A-926F59397E7E}"/>
                  </a:ext>
                </a:extLst>
              </p:cNvPr>
              <p:cNvSpPr/>
              <p:nvPr/>
            </p:nvSpPr>
            <p:spPr>
              <a:xfrm>
                <a:off x="9868413" y="6470268"/>
                <a:ext cx="12677" cy="587868"/>
              </a:xfrm>
              <a:custGeom>
                <a:avLst/>
                <a:gdLst>
                  <a:gd name="connsiteX0" fmla="*/ 0 w 12677"/>
                  <a:gd name="connsiteY0" fmla="*/ 0 h 587868"/>
                  <a:gd name="connsiteX1" fmla="*/ 0 w 12677"/>
                  <a:gd name="connsiteY1" fmla="*/ 587869 h 587868"/>
                </a:gdLst>
                <a:ahLst/>
                <a:cxnLst>
                  <a:cxn ang="0">
                    <a:pos x="connsiteX0" y="connsiteY0"/>
                  </a:cxn>
                  <a:cxn ang="0">
                    <a:pos x="connsiteX1" y="connsiteY1"/>
                  </a:cxn>
                </a:cxnLst>
                <a:rect l="l" t="t" r="r" b="b"/>
                <a:pathLst>
                  <a:path w="12677" h="587868">
                    <a:moveTo>
                      <a:pt x="0" y="0"/>
                    </a:moveTo>
                    <a:lnTo>
                      <a:pt x="0" y="587869"/>
                    </a:lnTo>
                  </a:path>
                </a:pathLst>
              </a:custGeom>
              <a:ln w="12674" cap="rnd">
                <a:solidFill>
                  <a:schemeClr val="tx1"/>
                </a:solidFill>
                <a:prstDash val="sysDash"/>
                <a:round/>
              </a:ln>
            </p:spPr>
            <p:txBody>
              <a:bodyPr rtlCol="0" anchor="ctr"/>
              <a:lstStyle/>
              <a:p>
                <a:endParaRPr lang="es-ES" sz="1092"/>
              </a:p>
            </p:txBody>
          </p:sp>
          <p:sp>
            <p:nvSpPr>
              <p:cNvPr id="1134" name="Freeform: Shape 1133">
                <a:extLst>
                  <a:ext uri="{FF2B5EF4-FFF2-40B4-BE49-F238E27FC236}">
                    <a16:creationId xmlns:a16="http://schemas.microsoft.com/office/drawing/2014/main" id="{20951D70-41E1-8A78-B098-A898B1AF9782}"/>
                  </a:ext>
                </a:extLst>
              </p:cNvPr>
              <p:cNvSpPr/>
              <p:nvPr/>
            </p:nvSpPr>
            <p:spPr>
              <a:xfrm>
                <a:off x="10068468" y="6470268"/>
                <a:ext cx="12677" cy="587868"/>
              </a:xfrm>
              <a:custGeom>
                <a:avLst/>
                <a:gdLst>
                  <a:gd name="connsiteX0" fmla="*/ 0 w 12677"/>
                  <a:gd name="connsiteY0" fmla="*/ 0 h 587868"/>
                  <a:gd name="connsiteX1" fmla="*/ 0 w 12677"/>
                  <a:gd name="connsiteY1" fmla="*/ 587869 h 587868"/>
                </a:gdLst>
                <a:ahLst/>
                <a:cxnLst>
                  <a:cxn ang="0">
                    <a:pos x="connsiteX0" y="connsiteY0"/>
                  </a:cxn>
                  <a:cxn ang="0">
                    <a:pos x="connsiteX1" y="connsiteY1"/>
                  </a:cxn>
                </a:cxnLst>
                <a:rect l="l" t="t" r="r" b="b"/>
                <a:pathLst>
                  <a:path w="12677" h="587868">
                    <a:moveTo>
                      <a:pt x="0" y="0"/>
                    </a:moveTo>
                    <a:lnTo>
                      <a:pt x="0" y="587869"/>
                    </a:lnTo>
                  </a:path>
                </a:pathLst>
              </a:custGeom>
              <a:ln w="12674" cap="rnd">
                <a:solidFill>
                  <a:schemeClr val="tx1"/>
                </a:solidFill>
                <a:prstDash val="sysDash"/>
                <a:round/>
              </a:ln>
            </p:spPr>
            <p:txBody>
              <a:bodyPr rtlCol="0" anchor="ctr"/>
              <a:lstStyle/>
              <a:p>
                <a:endParaRPr lang="es-ES" sz="1092"/>
              </a:p>
            </p:txBody>
          </p:sp>
          <p:sp>
            <p:nvSpPr>
              <p:cNvPr id="1135" name="Freeform: Shape 1134">
                <a:extLst>
                  <a:ext uri="{FF2B5EF4-FFF2-40B4-BE49-F238E27FC236}">
                    <a16:creationId xmlns:a16="http://schemas.microsoft.com/office/drawing/2014/main" id="{E58270A7-1FCE-1973-158F-03C3DFD40B63}"/>
                  </a:ext>
                </a:extLst>
              </p:cNvPr>
              <p:cNvSpPr/>
              <p:nvPr/>
            </p:nvSpPr>
            <p:spPr>
              <a:xfrm>
                <a:off x="10268523" y="6470268"/>
                <a:ext cx="12677" cy="587868"/>
              </a:xfrm>
              <a:custGeom>
                <a:avLst/>
                <a:gdLst>
                  <a:gd name="connsiteX0" fmla="*/ 0 w 12677"/>
                  <a:gd name="connsiteY0" fmla="*/ 0 h 587868"/>
                  <a:gd name="connsiteX1" fmla="*/ 0 w 12677"/>
                  <a:gd name="connsiteY1" fmla="*/ 587869 h 587868"/>
                </a:gdLst>
                <a:ahLst/>
                <a:cxnLst>
                  <a:cxn ang="0">
                    <a:pos x="connsiteX0" y="connsiteY0"/>
                  </a:cxn>
                  <a:cxn ang="0">
                    <a:pos x="connsiteX1" y="connsiteY1"/>
                  </a:cxn>
                </a:cxnLst>
                <a:rect l="l" t="t" r="r" b="b"/>
                <a:pathLst>
                  <a:path w="12677" h="587868">
                    <a:moveTo>
                      <a:pt x="0" y="0"/>
                    </a:moveTo>
                    <a:lnTo>
                      <a:pt x="0" y="587869"/>
                    </a:lnTo>
                  </a:path>
                </a:pathLst>
              </a:custGeom>
              <a:ln w="12674" cap="rnd">
                <a:solidFill>
                  <a:schemeClr val="tx1"/>
                </a:solidFill>
                <a:prstDash val="sysDash"/>
                <a:round/>
              </a:ln>
            </p:spPr>
            <p:txBody>
              <a:bodyPr rtlCol="0" anchor="ctr"/>
              <a:lstStyle/>
              <a:p>
                <a:endParaRPr lang="es-ES" sz="1092"/>
              </a:p>
            </p:txBody>
          </p:sp>
        </p:grpSp>
        <p:sp>
          <p:nvSpPr>
            <p:cNvPr id="1136" name="Freeform: Shape 1135">
              <a:extLst>
                <a:ext uri="{FF2B5EF4-FFF2-40B4-BE49-F238E27FC236}">
                  <a16:creationId xmlns:a16="http://schemas.microsoft.com/office/drawing/2014/main" id="{3608A50E-7E78-D7A8-7E12-2141C9E0AA03}"/>
                </a:ext>
              </a:extLst>
            </p:cNvPr>
            <p:cNvSpPr/>
            <p:nvPr/>
          </p:nvSpPr>
          <p:spPr>
            <a:xfrm>
              <a:off x="10778677" y="6128729"/>
              <a:ext cx="810236" cy="455385"/>
            </a:xfrm>
            <a:custGeom>
              <a:avLst/>
              <a:gdLst>
                <a:gd name="connsiteX0" fmla="*/ 270290 w 810236"/>
                <a:gd name="connsiteY0" fmla="*/ 159994 h 455385"/>
                <a:gd name="connsiteX1" fmla="*/ 190927 w 810236"/>
                <a:gd name="connsiteY1" fmla="*/ 129060 h 455385"/>
                <a:gd name="connsiteX2" fmla="*/ 73531 w 810236"/>
                <a:gd name="connsiteY2" fmla="*/ 246456 h 455385"/>
                <a:gd name="connsiteX3" fmla="*/ 92801 w 810236"/>
                <a:gd name="connsiteY3" fmla="*/ 310859 h 455385"/>
                <a:gd name="connsiteX4" fmla="*/ 92801 w 810236"/>
                <a:gd name="connsiteY4" fmla="*/ 310859 h 455385"/>
                <a:gd name="connsiteX5" fmla="*/ 73531 w 810236"/>
                <a:gd name="connsiteY5" fmla="*/ 308324 h 455385"/>
                <a:gd name="connsiteX6" fmla="*/ 0 w 810236"/>
                <a:gd name="connsiteY6" fmla="*/ 381855 h 455385"/>
                <a:gd name="connsiteX7" fmla="*/ 73531 w 810236"/>
                <a:gd name="connsiteY7" fmla="*/ 455386 h 455385"/>
                <a:gd name="connsiteX8" fmla="*/ 694108 w 810236"/>
                <a:gd name="connsiteY8" fmla="*/ 455386 h 455385"/>
                <a:gd name="connsiteX9" fmla="*/ 810237 w 810236"/>
                <a:gd name="connsiteY9" fmla="*/ 344328 h 455385"/>
                <a:gd name="connsiteX10" fmla="*/ 694108 w 810236"/>
                <a:gd name="connsiteY10" fmla="*/ 233271 h 455385"/>
                <a:gd name="connsiteX11" fmla="*/ 658484 w 810236"/>
                <a:gd name="connsiteY11" fmla="*/ 238596 h 455385"/>
                <a:gd name="connsiteX12" fmla="*/ 659118 w 810236"/>
                <a:gd name="connsiteY12" fmla="*/ 237835 h 455385"/>
                <a:gd name="connsiteX13" fmla="*/ 685361 w 810236"/>
                <a:gd name="connsiteY13" fmla="*/ 203225 h 455385"/>
                <a:gd name="connsiteX14" fmla="*/ 632875 w 810236"/>
                <a:gd name="connsiteY14" fmla="*/ 45640 h 455385"/>
                <a:gd name="connsiteX15" fmla="*/ 489489 w 810236"/>
                <a:gd name="connsiteY15" fmla="*/ 76193 h 455385"/>
                <a:gd name="connsiteX16" fmla="*/ 489489 w 810236"/>
                <a:gd name="connsiteY16" fmla="*/ 76193 h 455385"/>
                <a:gd name="connsiteX17" fmla="*/ 379573 w 810236"/>
                <a:gd name="connsiteY17" fmla="*/ 0 h 455385"/>
                <a:gd name="connsiteX18" fmla="*/ 262176 w 810236"/>
                <a:gd name="connsiteY18" fmla="*/ 117396 h 455385"/>
                <a:gd name="connsiteX19" fmla="*/ 270163 w 810236"/>
                <a:gd name="connsiteY19" fmla="*/ 160120 h 4553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810236" h="455385">
                  <a:moveTo>
                    <a:pt x="270290" y="159994"/>
                  </a:moveTo>
                  <a:cubicBezTo>
                    <a:pt x="249372" y="140723"/>
                    <a:pt x="221481" y="129060"/>
                    <a:pt x="190927" y="129060"/>
                  </a:cubicBezTo>
                  <a:cubicBezTo>
                    <a:pt x="126144" y="129060"/>
                    <a:pt x="73531" y="181673"/>
                    <a:pt x="73531" y="246456"/>
                  </a:cubicBezTo>
                  <a:cubicBezTo>
                    <a:pt x="73531" y="270163"/>
                    <a:pt x="80631" y="292350"/>
                    <a:pt x="92801" y="310859"/>
                  </a:cubicBezTo>
                  <a:lnTo>
                    <a:pt x="92801" y="310859"/>
                  </a:lnTo>
                  <a:cubicBezTo>
                    <a:pt x="86716" y="309211"/>
                    <a:pt x="80251" y="308324"/>
                    <a:pt x="73531" y="308324"/>
                  </a:cubicBezTo>
                  <a:cubicBezTo>
                    <a:pt x="32962" y="308324"/>
                    <a:pt x="0" y="341286"/>
                    <a:pt x="0" y="381855"/>
                  </a:cubicBezTo>
                  <a:cubicBezTo>
                    <a:pt x="0" y="422424"/>
                    <a:pt x="32962" y="455386"/>
                    <a:pt x="73531" y="455386"/>
                  </a:cubicBezTo>
                  <a:lnTo>
                    <a:pt x="694108" y="455386"/>
                  </a:lnTo>
                  <a:cubicBezTo>
                    <a:pt x="758258" y="455386"/>
                    <a:pt x="810237" y="405689"/>
                    <a:pt x="810237" y="344328"/>
                  </a:cubicBezTo>
                  <a:cubicBezTo>
                    <a:pt x="810237" y="282968"/>
                    <a:pt x="758258" y="233271"/>
                    <a:pt x="694108" y="233271"/>
                  </a:cubicBezTo>
                  <a:cubicBezTo>
                    <a:pt x="681684" y="233271"/>
                    <a:pt x="669767" y="235173"/>
                    <a:pt x="658484" y="238596"/>
                  </a:cubicBezTo>
                  <a:lnTo>
                    <a:pt x="659118" y="237835"/>
                  </a:lnTo>
                  <a:cubicBezTo>
                    <a:pt x="669640" y="228327"/>
                    <a:pt x="678641" y="216790"/>
                    <a:pt x="685361" y="203225"/>
                  </a:cubicBezTo>
                  <a:cubicBezTo>
                    <a:pt x="714393" y="145287"/>
                    <a:pt x="690939" y="74672"/>
                    <a:pt x="632875" y="45640"/>
                  </a:cubicBezTo>
                  <a:cubicBezTo>
                    <a:pt x="582924" y="20665"/>
                    <a:pt x="523465" y="34610"/>
                    <a:pt x="489489" y="76193"/>
                  </a:cubicBezTo>
                  <a:lnTo>
                    <a:pt x="489489" y="76193"/>
                  </a:lnTo>
                  <a:cubicBezTo>
                    <a:pt x="472754" y="31694"/>
                    <a:pt x="429903" y="0"/>
                    <a:pt x="379573" y="0"/>
                  </a:cubicBezTo>
                  <a:cubicBezTo>
                    <a:pt x="314789" y="0"/>
                    <a:pt x="262176" y="52613"/>
                    <a:pt x="262176" y="117396"/>
                  </a:cubicBezTo>
                  <a:cubicBezTo>
                    <a:pt x="262176" y="132483"/>
                    <a:pt x="265092" y="146809"/>
                    <a:pt x="270163" y="160120"/>
                  </a:cubicBezTo>
                </a:path>
              </a:pathLst>
            </a:custGeom>
            <a:solidFill>
              <a:srgbClr val="FFFFFF"/>
            </a:solidFill>
            <a:ln w="12674" cap="rnd">
              <a:solidFill>
                <a:schemeClr val="tx1"/>
              </a:solidFill>
              <a:prstDash val="solid"/>
              <a:round/>
            </a:ln>
          </p:spPr>
          <p:txBody>
            <a:bodyPr rtlCol="0" anchor="ctr"/>
            <a:lstStyle/>
            <a:p>
              <a:endParaRPr lang="es-ES" sz="1092"/>
            </a:p>
          </p:txBody>
        </p:sp>
        <p:grpSp>
          <p:nvGrpSpPr>
            <p:cNvPr id="1137" name="Graphic 778">
              <a:extLst>
                <a:ext uri="{FF2B5EF4-FFF2-40B4-BE49-F238E27FC236}">
                  <a16:creationId xmlns:a16="http://schemas.microsoft.com/office/drawing/2014/main" id="{2D50323E-72EC-E384-8ECE-F3211FFEC00A}"/>
                </a:ext>
              </a:extLst>
            </p:cNvPr>
            <p:cNvGrpSpPr/>
            <p:nvPr/>
          </p:nvGrpSpPr>
          <p:grpSpPr>
            <a:xfrm>
              <a:off x="10883649" y="6701004"/>
              <a:ext cx="612843" cy="587868"/>
              <a:chOff x="10883649" y="6701004"/>
              <a:chExt cx="612843" cy="587868"/>
            </a:xfrm>
          </p:grpSpPr>
          <p:sp>
            <p:nvSpPr>
              <p:cNvPr id="1138" name="Freeform: Shape 1137">
                <a:extLst>
                  <a:ext uri="{FF2B5EF4-FFF2-40B4-BE49-F238E27FC236}">
                    <a16:creationId xmlns:a16="http://schemas.microsoft.com/office/drawing/2014/main" id="{18645D7F-6C7B-77D0-BCE1-DE1FE08AD285}"/>
                  </a:ext>
                </a:extLst>
              </p:cNvPr>
              <p:cNvSpPr/>
              <p:nvPr/>
            </p:nvSpPr>
            <p:spPr>
              <a:xfrm>
                <a:off x="10883649" y="6701004"/>
                <a:ext cx="12677" cy="587868"/>
              </a:xfrm>
              <a:custGeom>
                <a:avLst/>
                <a:gdLst>
                  <a:gd name="connsiteX0" fmla="*/ 0 w 12677"/>
                  <a:gd name="connsiteY0" fmla="*/ 0 h 587868"/>
                  <a:gd name="connsiteX1" fmla="*/ 0 w 12677"/>
                  <a:gd name="connsiteY1" fmla="*/ 587869 h 587868"/>
                </a:gdLst>
                <a:ahLst/>
                <a:cxnLst>
                  <a:cxn ang="0">
                    <a:pos x="connsiteX0" y="connsiteY0"/>
                  </a:cxn>
                  <a:cxn ang="0">
                    <a:pos x="connsiteX1" y="connsiteY1"/>
                  </a:cxn>
                </a:cxnLst>
                <a:rect l="l" t="t" r="r" b="b"/>
                <a:pathLst>
                  <a:path w="12677" h="587868">
                    <a:moveTo>
                      <a:pt x="0" y="0"/>
                    </a:moveTo>
                    <a:lnTo>
                      <a:pt x="0" y="587869"/>
                    </a:lnTo>
                  </a:path>
                </a:pathLst>
              </a:custGeom>
              <a:ln w="12674" cap="rnd">
                <a:solidFill>
                  <a:schemeClr val="tx1"/>
                </a:solidFill>
                <a:prstDash val="sysDash"/>
                <a:round/>
              </a:ln>
            </p:spPr>
            <p:txBody>
              <a:bodyPr rtlCol="0" anchor="ctr"/>
              <a:lstStyle/>
              <a:p>
                <a:endParaRPr lang="es-ES" sz="1092"/>
              </a:p>
            </p:txBody>
          </p:sp>
          <p:sp>
            <p:nvSpPr>
              <p:cNvPr id="1139" name="Freeform: Shape 1138">
                <a:extLst>
                  <a:ext uri="{FF2B5EF4-FFF2-40B4-BE49-F238E27FC236}">
                    <a16:creationId xmlns:a16="http://schemas.microsoft.com/office/drawing/2014/main" id="{4F3D9A99-2D48-6445-2F98-139D766F7400}"/>
                  </a:ext>
                </a:extLst>
              </p:cNvPr>
              <p:cNvSpPr/>
              <p:nvPr/>
            </p:nvSpPr>
            <p:spPr>
              <a:xfrm>
                <a:off x="11083704" y="6701004"/>
                <a:ext cx="12677" cy="587868"/>
              </a:xfrm>
              <a:custGeom>
                <a:avLst/>
                <a:gdLst>
                  <a:gd name="connsiteX0" fmla="*/ 0 w 12677"/>
                  <a:gd name="connsiteY0" fmla="*/ 0 h 587868"/>
                  <a:gd name="connsiteX1" fmla="*/ 0 w 12677"/>
                  <a:gd name="connsiteY1" fmla="*/ 587869 h 587868"/>
                </a:gdLst>
                <a:ahLst/>
                <a:cxnLst>
                  <a:cxn ang="0">
                    <a:pos x="connsiteX0" y="connsiteY0"/>
                  </a:cxn>
                  <a:cxn ang="0">
                    <a:pos x="connsiteX1" y="connsiteY1"/>
                  </a:cxn>
                </a:cxnLst>
                <a:rect l="l" t="t" r="r" b="b"/>
                <a:pathLst>
                  <a:path w="12677" h="587868">
                    <a:moveTo>
                      <a:pt x="0" y="0"/>
                    </a:moveTo>
                    <a:lnTo>
                      <a:pt x="0" y="587869"/>
                    </a:lnTo>
                  </a:path>
                </a:pathLst>
              </a:custGeom>
              <a:ln w="12674" cap="rnd">
                <a:solidFill>
                  <a:schemeClr val="tx1"/>
                </a:solidFill>
                <a:prstDash val="sysDash"/>
                <a:round/>
              </a:ln>
            </p:spPr>
            <p:txBody>
              <a:bodyPr rtlCol="0" anchor="ctr"/>
              <a:lstStyle/>
              <a:p>
                <a:endParaRPr lang="es-ES" sz="1092"/>
              </a:p>
            </p:txBody>
          </p:sp>
          <p:sp>
            <p:nvSpPr>
              <p:cNvPr id="1140" name="Freeform: Shape 1139">
                <a:extLst>
                  <a:ext uri="{FF2B5EF4-FFF2-40B4-BE49-F238E27FC236}">
                    <a16:creationId xmlns:a16="http://schemas.microsoft.com/office/drawing/2014/main" id="{2508D0CA-B50D-F74B-7196-74377B78D2DD}"/>
                  </a:ext>
                </a:extLst>
              </p:cNvPr>
              <p:cNvSpPr/>
              <p:nvPr/>
            </p:nvSpPr>
            <p:spPr>
              <a:xfrm>
                <a:off x="11283760" y="6701004"/>
                <a:ext cx="12677" cy="587868"/>
              </a:xfrm>
              <a:custGeom>
                <a:avLst/>
                <a:gdLst>
                  <a:gd name="connsiteX0" fmla="*/ 0 w 12677"/>
                  <a:gd name="connsiteY0" fmla="*/ 0 h 587868"/>
                  <a:gd name="connsiteX1" fmla="*/ 0 w 12677"/>
                  <a:gd name="connsiteY1" fmla="*/ 587869 h 587868"/>
                </a:gdLst>
                <a:ahLst/>
                <a:cxnLst>
                  <a:cxn ang="0">
                    <a:pos x="connsiteX0" y="connsiteY0"/>
                  </a:cxn>
                  <a:cxn ang="0">
                    <a:pos x="connsiteX1" y="connsiteY1"/>
                  </a:cxn>
                </a:cxnLst>
                <a:rect l="l" t="t" r="r" b="b"/>
                <a:pathLst>
                  <a:path w="12677" h="587868">
                    <a:moveTo>
                      <a:pt x="0" y="0"/>
                    </a:moveTo>
                    <a:lnTo>
                      <a:pt x="0" y="587869"/>
                    </a:lnTo>
                  </a:path>
                </a:pathLst>
              </a:custGeom>
              <a:ln w="12674" cap="rnd">
                <a:solidFill>
                  <a:schemeClr val="tx1"/>
                </a:solidFill>
                <a:prstDash val="sysDash"/>
                <a:round/>
              </a:ln>
            </p:spPr>
            <p:txBody>
              <a:bodyPr rtlCol="0" anchor="ctr"/>
              <a:lstStyle/>
              <a:p>
                <a:endParaRPr lang="es-ES" sz="1092"/>
              </a:p>
            </p:txBody>
          </p:sp>
          <p:sp>
            <p:nvSpPr>
              <p:cNvPr id="1141" name="Freeform: Shape 1140">
                <a:extLst>
                  <a:ext uri="{FF2B5EF4-FFF2-40B4-BE49-F238E27FC236}">
                    <a16:creationId xmlns:a16="http://schemas.microsoft.com/office/drawing/2014/main" id="{73F6C081-AB96-78CC-7720-82C44132A27E}"/>
                  </a:ext>
                </a:extLst>
              </p:cNvPr>
              <p:cNvSpPr/>
              <p:nvPr/>
            </p:nvSpPr>
            <p:spPr>
              <a:xfrm>
                <a:off x="11483815" y="6701004"/>
                <a:ext cx="12677" cy="587868"/>
              </a:xfrm>
              <a:custGeom>
                <a:avLst/>
                <a:gdLst>
                  <a:gd name="connsiteX0" fmla="*/ 0 w 12677"/>
                  <a:gd name="connsiteY0" fmla="*/ 0 h 587868"/>
                  <a:gd name="connsiteX1" fmla="*/ 0 w 12677"/>
                  <a:gd name="connsiteY1" fmla="*/ 587869 h 587868"/>
                </a:gdLst>
                <a:ahLst/>
                <a:cxnLst>
                  <a:cxn ang="0">
                    <a:pos x="connsiteX0" y="connsiteY0"/>
                  </a:cxn>
                  <a:cxn ang="0">
                    <a:pos x="connsiteX1" y="connsiteY1"/>
                  </a:cxn>
                </a:cxnLst>
                <a:rect l="l" t="t" r="r" b="b"/>
                <a:pathLst>
                  <a:path w="12677" h="587868">
                    <a:moveTo>
                      <a:pt x="0" y="0"/>
                    </a:moveTo>
                    <a:lnTo>
                      <a:pt x="0" y="587869"/>
                    </a:lnTo>
                  </a:path>
                </a:pathLst>
              </a:custGeom>
              <a:ln w="12674" cap="rnd">
                <a:solidFill>
                  <a:schemeClr val="tx1"/>
                </a:solidFill>
                <a:prstDash val="sysDash"/>
                <a:round/>
              </a:ln>
            </p:spPr>
            <p:txBody>
              <a:bodyPr rtlCol="0" anchor="ctr"/>
              <a:lstStyle/>
              <a:p>
                <a:endParaRPr lang="es-ES" sz="1092"/>
              </a:p>
            </p:txBody>
          </p:sp>
        </p:grpSp>
        <p:sp>
          <p:nvSpPr>
            <p:cNvPr id="1142" name="Freeform: Shape 1141">
              <a:extLst>
                <a:ext uri="{FF2B5EF4-FFF2-40B4-BE49-F238E27FC236}">
                  <a16:creationId xmlns:a16="http://schemas.microsoft.com/office/drawing/2014/main" id="{5767C79D-5BDD-D19A-F646-6F2646816F6B}"/>
                </a:ext>
              </a:extLst>
            </p:cNvPr>
            <p:cNvSpPr/>
            <p:nvPr/>
          </p:nvSpPr>
          <p:spPr>
            <a:xfrm>
              <a:off x="17753355" y="7260728"/>
              <a:ext cx="12677" cy="323790"/>
            </a:xfrm>
            <a:custGeom>
              <a:avLst/>
              <a:gdLst>
                <a:gd name="connsiteX0" fmla="*/ 0 w 12677"/>
                <a:gd name="connsiteY0" fmla="*/ 0 h 323790"/>
                <a:gd name="connsiteX1" fmla="*/ 0 w 12677"/>
                <a:gd name="connsiteY1" fmla="*/ 323790 h 323790"/>
              </a:gdLst>
              <a:ahLst/>
              <a:cxnLst>
                <a:cxn ang="0">
                  <a:pos x="connsiteX0" y="connsiteY0"/>
                </a:cxn>
                <a:cxn ang="0">
                  <a:pos x="connsiteX1" y="connsiteY1"/>
                </a:cxn>
              </a:cxnLst>
              <a:rect l="l" t="t" r="r" b="b"/>
              <a:pathLst>
                <a:path w="12677" h="323790">
                  <a:moveTo>
                    <a:pt x="0" y="0"/>
                  </a:moveTo>
                  <a:lnTo>
                    <a:pt x="0" y="323790"/>
                  </a:lnTo>
                </a:path>
              </a:pathLst>
            </a:custGeom>
            <a:ln w="12674" cap="rnd">
              <a:solidFill>
                <a:schemeClr val="tx1"/>
              </a:solidFill>
              <a:prstDash val="solid"/>
              <a:round/>
            </a:ln>
          </p:spPr>
          <p:txBody>
            <a:bodyPr rtlCol="0" anchor="ctr"/>
            <a:lstStyle/>
            <a:p>
              <a:endParaRPr lang="es-ES" sz="1092"/>
            </a:p>
          </p:txBody>
        </p:sp>
      </p:grpSp>
      <p:sp>
        <p:nvSpPr>
          <p:cNvPr id="2" name="Title 1">
            <a:extLst>
              <a:ext uri="{FF2B5EF4-FFF2-40B4-BE49-F238E27FC236}">
                <a16:creationId xmlns:a16="http://schemas.microsoft.com/office/drawing/2014/main" id="{BFB82902-F581-6206-95BF-49C0CC20DA90}"/>
              </a:ext>
            </a:extLst>
          </p:cNvPr>
          <p:cNvSpPr>
            <a:spLocks noGrp="1"/>
          </p:cNvSpPr>
          <p:nvPr>
            <p:ph type="title"/>
          </p:nvPr>
        </p:nvSpPr>
        <p:spPr/>
        <p:txBody>
          <a:bodyPr/>
          <a:lstStyle/>
          <a:p>
            <a:r>
              <a:rPr lang="en-GB" dirty="0"/>
              <a:t>The need for resilience</a:t>
            </a:r>
            <a:br>
              <a:rPr lang="en-GB" dirty="0"/>
            </a:br>
            <a:endParaRPr lang="en-GB" dirty="0"/>
          </a:p>
        </p:txBody>
      </p:sp>
      <p:sp>
        <p:nvSpPr>
          <p:cNvPr id="3" name="Subtitle 2">
            <a:extLst>
              <a:ext uri="{FF2B5EF4-FFF2-40B4-BE49-F238E27FC236}">
                <a16:creationId xmlns:a16="http://schemas.microsoft.com/office/drawing/2014/main" id="{F61F2993-030E-3EBB-A461-EC532CECD92C}"/>
              </a:ext>
            </a:extLst>
          </p:cNvPr>
          <p:cNvSpPr>
            <a:spLocks noGrp="1"/>
          </p:cNvSpPr>
          <p:nvPr>
            <p:ph type="subTitle" idx="1"/>
          </p:nvPr>
        </p:nvSpPr>
        <p:spPr/>
        <p:txBody>
          <a:bodyPr vert="horz" lIns="0" tIns="0" rIns="0" bIns="0" rtlCol="0" anchor="t">
            <a:noAutofit/>
          </a:bodyPr>
          <a:lstStyle/>
          <a:p>
            <a:r>
              <a:rPr lang="en-GB" sz="1600" b="1" dirty="0">
                <a:solidFill>
                  <a:schemeClr val="accent1"/>
                </a:solidFill>
                <a:latin typeface="Arial" panose="020B0604020202020204" pitchFamily="34" charset="0"/>
                <a:cs typeface="Arial" panose="020B0604020202020204" pitchFamily="34" charset="0"/>
              </a:rPr>
              <a:t>Energy system example - disrupting factors </a:t>
            </a:r>
          </a:p>
          <a:p>
            <a:endParaRPr lang="en-GB" dirty="0"/>
          </a:p>
        </p:txBody>
      </p:sp>
    </p:spTree>
    <p:extLst>
      <p:ext uri="{BB962C8B-B14F-4D97-AF65-F5344CB8AC3E}">
        <p14:creationId xmlns:p14="http://schemas.microsoft.com/office/powerpoint/2010/main" val="315299133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E94FCA-28CC-490B-AD3A-98CCB8A0098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BFC5CCF-FC38-8E6A-AB6F-055D4BB0C7A5}"/>
              </a:ext>
            </a:extLst>
          </p:cNvPr>
          <p:cNvSpPr>
            <a:spLocks noGrp="1"/>
          </p:cNvSpPr>
          <p:nvPr>
            <p:ph type="title"/>
          </p:nvPr>
        </p:nvSpPr>
        <p:spPr/>
        <p:txBody>
          <a:bodyPr/>
          <a:lstStyle/>
          <a:p>
            <a:r>
              <a:rPr lang="it-IT" err="1"/>
              <a:t>Climate</a:t>
            </a:r>
            <a:r>
              <a:rPr lang="it-IT"/>
              <a:t> </a:t>
            </a:r>
            <a:r>
              <a:rPr lang="it-IT" err="1"/>
              <a:t>Change</a:t>
            </a:r>
            <a:r>
              <a:rPr lang="it-IT"/>
              <a:t> Analysis</a:t>
            </a:r>
          </a:p>
        </p:txBody>
      </p:sp>
      <p:sp>
        <p:nvSpPr>
          <p:cNvPr id="15" name="Subtitle 6">
            <a:extLst>
              <a:ext uri="{FF2B5EF4-FFF2-40B4-BE49-F238E27FC236}">
                <a16:creationId xmlns:a16="http://schemas.microsoft.com/office/drawing/2014/main" id="{D0EB64A6-8519-3604-8768-7565AF6FDFF5}"/>
              </a:ext>
            </a:extLst>
          </p:cNvPr>
          <p:cNvSpPr txBox="1">
            <a:spLocks/>
          </p:cNvSpPr>
          <p:nvPr/>
        </p:nvSpPr>
        <p:spPr>
          <a:xfrm>
            <a:off x="658811" y="1343880"/>
            <a:ext cx="5322885"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r>
              <a:rPr lang="it-IT" err="1"/>
              <a:t>Climate</a:t>
            </a:r>
            <a:r>
              <a:rPr lang="it-IT"/>
              <a:t> </a:t>
            </a:r>
            <a:r>
              <a:rPr lang="it-IT" err="1"/>
              <a:t>Change</a:t>
            </a:r>
            <a:r>
              <a:rPr lang="it-IT"/>
              <a:t> Models</a:t>
            </a:r>
          </a:p>
        </p:txBody>
      </p:sp>
      <p:pic>
        <p:nvPicPr>
          <p:cNvPr id="5" name="Picture 4" descr="A graph showing the growth of the number of the company's company&#10;&#10;Description automatically generated with medium confidence">
            <a:extLst>
              <a:ext uri="{FF2B5EF4-FFF2-40B4-BE49-F238E27FC236}">
                <a16:creationId xmlns:a16="http://schemas.microsoft.com/office/drawing/2014/main" id="{3742D695-EF74-8383-4D1E-B5437611047E}"/>
              </a:ext>
            </a:extLst>
          </p:cNvPr>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1827853" y="2093132"/>
            <a:ext cx="8967694" cy="3968267"/>
          </a:xfrm>
          <a:prstGeom prst="rect">
            <a:avLst/>
          </a:prstGeom>
          <a:noFill/>
          <a:ln>
            <a:noFill/>
          </a:ln>
        </p:spPr>
      </p:pic>
      <p:sp>
        <p:nvSpPr>
          <p:cNvPr id="7" name="TextBox 6">
            <a:extLst>
              <a:ext uri="{FF2B5EF4-FFF2-40B4-BE49-F238E27FC236}">
                <a16:creationId xmlns:a16="http://schemas.microsoft.com/office/drawing/2014/main" id="{831C279B-6029-4FF4-97B6-2E8404FEEF30}"/>
              </a:ext>
            </a:extLst>
          </p:cNvPr>
          <p:cNvSpPr txBox="1"/>
          <p:nvPr/>
        </p:nvSpPr>
        <p:spPr>
          <a:xfrm>
            <a:off x="4832287" y="6461476"/>
            <a:ext cx="7887831" cy="276999"/>
          </a:xfrm>
          <a:prstGeom prst="rect">
            <a:avLst/>
          </a:prstGeom>
          <a:noFill/>
        </p:spPr>
        <p:txBody>
          <a:bodyPr wrap="square">
            <a:spAutoFit/>
          </a:bodyPr>
          <a:lstStyle/>
          <a:p>
            <a:pPr algn="ctr">
              <a:spcBef>
                <a:spcPts val="300"/>
              </a:spcBef>
              <a:spcAft>
                <a:spcPts val="300"/>
              </a:spcAft>
            </a:pPr>
            <a:r>
              <a:rPr lang="en-GB" sz="1200" b="1">
                <a:solidFill>
                  <a:srgbClr val="E61E28"/>
                </a:solidFill>
                <a:effectLst/>
                <a:latin typeface="Arial" panose="020B0604020202020204" pitchFamily="34" charset="0"/>
                <a:ea typeface="SimHei" panose="02010609060101010101" pitchFamily="49" charset="-122"/>
                <a:cs typeface="Gautami" panose="020B0502040204020203" pitchFamily="34" charset="0"/>
              </a:rPr>
              <a:t>Projected global average surface temperature change in each of the five SSP scenarios.</a:t>
            </a:r>
            <a:endParaRPr lang="it-IT" sz="1200" b="1">
              <a:solidFill>
                <a:srgbClr val="E61E28"/>
              </a:solidFill>
              <a:effectLst/>
              <a:latin typeface="Arial" panose="020B0604020202020204" pitchFamily="34" charset="0"/>
              <a:ea typeface="SimHei" panose="02010609060101010101" pitchFamily="49" charset="-122"/>
              <a:cs typeface="Gautami" panose="020B0502040204020203" pitchFamily="34" charset="0"/>
            </a:endParaRPr>
          </a:p>
        </p:txBody>
      </p:sp>
    </p:spTree>
    <p:extLst>
      <p:ext uri="{BB962C8B-B14F-4D97-AF65-F5344CB8AC3E}">
        <p14:creationId xmlns:p14="http://schemas.microsoft.com/office/powerpoint/2010/main" val="215286203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AC2D8E9-DD68-D56B-1AF5-F84C5E0159EE}"/>
            </a:ext>
          </a:extLst>
        </p:cNvPr>
        <p:cNvGrpSpPr/>
        <p:nvPr/>
      </p:nvGrpSpPr>
      <p:grpSpPr>
        <a:xfrm>
          <a:off x="0" y="0"/>
          <a:ext cx="0" cy="0"/>
          <a:chOff x="0" y="0"/>
          <a:chExt cx="0" cy="0"/>
        </a:xfrm>
      </p:grpSpPr>
      <p:sp>
        <p:nvSpPr>
          <p:cNvPr id="3" name="Title 1">
            <a:extLst>
              <a:ext uri="{FF2B5EF4-FFF2-40B4-BE49-F238E27FC236}">
                <a16:creationId xmlns:a16="http://schemas.microsoft.com/office/drawing/2014/main" id="{F47F43A7-6A72-DADF-0209-F6878E20892D}"/>
              </a:ext>
            </a:extLst>
          </p:cNvPr>
          <p:cNvSpPr>
            <a:spLocks noGrp="1"/>
          </p:cNvSpPr>
          <p:nvPr>
            <p:ph type="title"/>
          </p:nvPr>
        </p:nvSpPr>
        <p:spPr>
          <a:xfrm>
            <a:off x="658811" y="657225"/>
            <a:ext cx="9021764" cy="532800"/>
          </a:xfrm>
        </p:spPr>
        <p:txBody>
          <a:bodyPr/>
          <a:lstStyle/>
          <a:p>
            <a:r>
              <a:rPr lang="en-US" dirty="0">
                <a:solidFill>
                  <a:schemeClr val="tx1"/>
                </a:solidFill>
              </a:rPr>
              <a:t>Climate risk analysis</a:t>
            </a:r>
            <a:endParaRPr lang="en-GB" dirty="0">
              <a:solidFill>
                <a:schemeClr val="tx1"/>
              </a:solidFill>
            </a:endParaRPr>
          </a:p>
        </p:txBody>
      </p:sp>
      <p:pic>
        <p:nvPicPr>
          <p:cNvPr id="8" name="Picture 7">
            <a:extLst>
              <a:ext uri="{FF2B5EF4-FFF2-40B4-BE49-F238E27FC236}">
                <a16:creationId xmlns:a16="http://schemas.microsoft.com/office/drawing/2014/main" id="{B57A208B-4F26-5E09-8B14-3235C477FD31}"/>
              </a:ext>
            </a:extLst>
          </p:cNvPr>
          <p:cNvPicPr>
            <a:picLocks noChangeAspect="1"/>
          </p:cNvPicPr>
          <p:nvPr/>
        </p:nvPicPr>
        <p:blipFill>
          <a:blip r:embed="rId2"/>
          <a:srcRect l="24241" r="29454" b="20428"/>
          <a:stretch>
            <a:fillRect/>
          </a:stretch>
        </p:blipFill>
        <p:spPr>
          <a:xfrm>
            <a:off x="3172435" y="1271887"/>
            <a:ext cx="5184487" cy="4928888"/>
          </a:xfrm>
          <a:prstGeom prst="rect">
            <a:avLst/>
          </a:prstGeom>
        </p:spPr>
      </p:pic>
      <p:sp>
        <p:nvSpPr>
          <p:cNvPr id="2" name="TextBox 1">
            <a:extLst>
              <a:ext uri="{FF2B5EF4-FFF2-40B4-BE49-F238E27FC236}">
                <a16:creationId xmlns:a16="http://schemas.microsoft.com/office/drawing/2014/main" id="{BCD3888B-C237-6375-8FEC-B9A01056012B}"/>
              </a:ext>
            </a:extLst>
          </p:cNvPr>
          <p:cNvSpPr txBox="1">
            <a:spLocks/>
          </p:cNvSpPr>
          <p:nvPr/>
        </p:nvSpPr>
        <p:spPr>
          <a:xfrm>
            <a:off x="541123" y="2451253"/>
            <a:ext cx="2480975" cy="830997"/>
          </a:xfrm>
          <a:prstGeom prst="rect">
            <a:avLst/>
          </a:prstGeom>
          <a:solidFill>
            <a:srgbClr val="FFFFFF"/>
          </a:solidFill>
          <a:ln>
            <a:noFill/>
          </a:ln>
        </p:spPr>
        <p:style>
          <a:lnRef idx="0">
            <a:scrgbClr r="0" g="0" b="0"/>
          </a:lnRef>
          <a:fillRef idx="0">
            <a:scrgbClr r="0" g="0" b="0"/>
          </a:fillRef>
          <a:effectRef idx="0">
            <a:scrgbClr r="0" g="0" b="0"/>
          </a:effectRef>
          <a:fontRef idx="minor">
            <a:schemeClr val="lt1"/>
          </a:fontRef>
        </p:style>
        <p:txBody>
          <a:bodyPr wrap="square" lIns="0" tIns="0" rIns="0" bIns="0" rtlCol="0">
            <a:spAutoFit/>
          </a:bodyPr>
          <a:lstStyle/>
          <a:p>
            <a:pPr algn="l"/>
            <a:r>
              <a:rPr lang="it-IT" dirty="0">
                <a:solidFill>
                  <a:schemeClr val="tx1"/>
                </a:solidFill>
              </a:rPr>
              <a:t>How </a:t>
            </a:r>
            <a:r>
              <a:rPr lang="it-IT" dirty="0" err="1">
                <a:solidFill>
                  <a:schemeClr val="tx1"/>
                </a:solidFill>
              </a:rPr>
              <a:t>likely</a:t>
            </a:r>
            <a:r>
              <a:rPr lang="it-IT" dirty="0">
                <a:solidFill>
                  <a:schemeClr val="tx1"/>
                </a:solidFill>
              </a:rPr>
              <a:t> </a:t>
            </a:r>
            <a:r>
              <a:rPr lang="it-IT" dirty="0" err="1">
                <a:solidFill>
                  <a:schemeClr val="tx1"/>
                </a:solidFill>
              </a:rPr>
              <a:t>is</a:t>
            </a:r>
            <a:r>
              <a:rPr lang="it-IT" dirty="0">
                <a:solidFill>
                  <a:schemeClr val="tx1"/>
                </a:solidFill>
              </a:rPr>
              <a:t> a hazard event to </a:t>
            </a:r>
            <a:r>
              <a:rPr lang="it-IT" dirty="0" err="1">
                <a:solidFill>
                  <a:schemeClr val="tx1"/>
                </a:solidFill>
              </a:rPr>
              <a:t>occur</a:t>
            </a:r>
            <a:r>
              <a:rPr lang="it-IT" dirty="0">
                <a:solidFill>
                  <a:schemeClr val="tx1"/>
                </a:solidFill>
              </a:rPr>
              <a:t>, and </a:t>
            </a:r>
            <a:r>
              <a:rPr lang="it-IT" dirty="0" err="1">
                <a:solidFill>
                  <a:schemeClr val="tx1"/>
                </a:solidFill>
              </a:rPr>
              <a:t>what</a:t>
            </a:r>
            <a:r>
              <a:rPr lang="it-IT" dirty="0">
                <a:solidFill>
                  <a:schemeClr val="tx1"/>
                </a:solidFill>
              </a:rPr>
              <a:t> </a:t>
            </a:r>
            <a:r>
              <a:rPr lang="it-IT" dirty="0" err="1">
                <a:solidFill>
                  <a:schemeClr val="tx1"/>
                </a:solidFill>
              </a:rPr>
              <a:t>is</a:t>
            </a:r>
            <a:r>
              <a:rPr lang="it-IT" dirty="0">
                <a:solidFill>
                  <a:schemeClr val="tx1"/>
                </a:solidFill>
              </a:rPr>
              <a:t> the </a:t>
            </a:r>
            <a:r>
              <a:rPr lang="it-IT" dirty="0" err="1">
                <a:solidFill>
                  <a:schemeClr val="tx1"/>
                </a:solidFill>
              </a:rPr>
              <a:t>intensity</a:t>
            </a:r>
            <a:r>
              <a:rPr lang="it-IT" dirty="0">
                <a:solidFill>
                  <a:schemeClr val="tx1"/>
                </a:solidFill>
              </a:rPr>
              <a:t>?</a:t>
            </a:r>
          </a:p>
        </p:txBody>
      </p:sp>
      <p:sp>
        <p:nvSpPr>
          <p:cNvPr id="5" name="TextBox 4">
            <a:extLst>
              <a:ext uri="{FF2B5EF4-FFF2-40B4-BE49-F238E27FC236}">
                <a16:creationId xmlns:a16="http://schemas.microsoft.com/office/drawing/2014/main" id="{7A8FCED3-422E-5942-22C9-11DAF1DA3384}"/>
              </a:ext>
            </a:extLst>
          </p:cNvPr>
          <p:cNvSpPr txBox="1">
            <a:spLocks/>
          </p:cNvSpPr>
          <p:nvPr/>
        </p:nvSpPr>
        <p:spPr>
          <a:xfrm>
            <a:off x="8691274" y="1278881"/>
            <a:ext cx="3500726" cy="830997"/>
          </a:xfrm>
          <a:prstGeom prst="rect">
            <a:avLst/>
          </a:prstGeom>
          <a:solidFill>
            <a:srgbClr val="FFFFFF"/>
          </a:solidFill>
          <a:ln>
            <a:noFill/>
          </a:ln>
        </p:spPr>
        <p:style>
          <a:lnRef idx="0">
            <a:scrgbClr r="0" g="0" b="0"/>
          </a:lnRef>
          <a:fillRef idx="0">
            <a:scrgbClr r="0" g="0" b="0"/>
          </a:fillRef>
          <a:effectRef idx="0">
            <a:scrgbClr r="0" g="0" b="0"/>
          </a:effectRef>
          <a:fontRef idx="minor">
            <a:schemeClr val="lt1"/>
          </a:fontRef>
        </p:style>
        <p:txBody>
          <a:bodyPr wrap="square" lIns="0" tIns="0" rIns="0" bIns="0" rtlCol="0">
            <a:spAutoFit/>
          </a:bodyPr>
          <a:lstStyle/>
          <a:p>
            <a:pPr algn="l"/>
            <a:r>
              <a:rPr lang="it-IT" dirty="0">
                <a:solidFill>
                  <a:schemeClr val="tx1"/>
                </a:solidFill>
              </a:rPr>
              <a:t>How </a:t>
            </a:r>
            <a:r>
              <a:rPr lang="it-IT" dirty="0" err="1">
                <a:solidFill>
                  <a:schemeClr val="tx1"/>
                </a:solidFill>
              </a:rPr>
              <a:t>damageable</a:t>
            </a:r>
            <a:r>
              <a:rPr lang="it-IT" dirty="0">
                <a:solidFill>
                  <a:schemeClr val="tx1"/>
                </a:solidFill>
              </a:rPr>
              <a:t> are the </a:t>
            </a:r>
            <a:r>
              <a:rPr lang="it-IT" dirty="0" err="1">
                <a:solidFill>
                  <a:schemeClr val="tx1"/>
                </a:solidFill>
              </a:rPr>
              <a:t>exposed</a:t>
            </a:r>
            <a:r>
              <a:rPr lang="it-IT" dirty="0">
                <a:solidFill>
                  <a:schemeClr val="tx1"/>
                </a:solidFill>
              </a:rPr>
              <a:t> assets and </a:t>
            </a:r>
            <a:r>
              <a:rPr lang="it-IT" dirty="0" err="1">
                <a:solidFill>
                  <a:schemeClr val="tx1"/>
                </a:solidFill>
              </a:rPr>
              <a:t>how</a:t>
            </a:r>
            <a:r>
              <a:rPr lang="it-IT" dirty="0">
                <a:solidFill>
                  <a:schemeClr val="tx1"/>
                </a:solidFill>
              </a:rPr>
              <a:t> </a:t>
            </a:r>
            <a:r>
              <a:rPr lang="it-IT" dirty="0" err="1">
                <a:solidFill>
                  <a:schemeClr val="tx1"/>
                </a:solidFill>
              </a:rPr>
              <a:t>susceptible</a:t>
            </a:r>
            <a:r>
              <a:rPr lang="it-IT" dirty="0">
                <a:solidFill>
                  <a:schemeClr val="tx1"/>
                </a:solidFill>
              </a:rPr>
              <a:t> are building </a:t>
            </a:r>
            <a:r>
              <a:rPr lang="it-IT" dirty="0" err="1">
                <a:solidFill>
                  <a:schemeClr val="tx1"/>
                </a:solidFill>
              </a:rPr>
              <a:t>occupants</a:t>
            </a:r>
            <a:r>
              <a:rPr lang="it-IT" dirty="0">
                <a:solidFill>
                  <a:schemeClr val="tx1"/>
                </a:solidFill>
              </a:rPr>
              <a:t>?</a:t>
            </a:r>
          </a:p>
        </p:txBody>
      </p:sp>
      <p:sp>
        <p:nvSpPr>
          <p:cNvPr id="6" name="TextBox 5">
            <a:extLst>
              <a:ext uri="{FF2B5EF4-FFF2-40B4-BE49-F238E27FC236}">
                <a16:creationId xmlns:a16="http://schemas.microsoft.com/office/drawing/2014/main" id="{2A30D2A7-3ABF-981B-2375-FBDBCA3767F2}"/>
              </a:ext>
            </a:extLst>
          </p:cNvPr>
          <p:cNvSpPr txBox="1">
            <a:spLocks/>
          </p:cNvSpPr>
          <p:nvPr/>
        </p:nvSpPr>
        <p:spPr>
          <a:xfrm>
            <a:off x="6574982" y="6027003"/>
            <a:ext cx="5617018" cy="830997"/>
          </a:xfrm>
          <a:prstGeom prst="rect">
            <a:avLst/>
          </a:prstGeom>
          <a:solidFill>
            <a:srgbClr val="FFFFFF"/>
          </a:solidFill>
          <a:ln>
            <a:noFill/>
          </a:ln>
        </p:spPr>
        <p:style>
          <a:lnRef idx="0">
            <a:scrgbClr r="0" g="0" b="0"/>
          </a:lnRef>
          <a:fillRef idx="0">
            <a:scrgbClr r="0" g="0" b="0"/>
          </a:fillRef>
          <a:effectRef idx="0">
            <a:scrgbClr r="0" g="0" b="0"/>
          </a:effectRef>
          <a:fontRef idx="minor">
            <a:schemeClr val="lt1"/>
          </a:fontRef>
        </p:style>
        <p:txBody>
          <a:bodyPr wrap="square" lIns="0" tIns="0" rIns="0" bIns="0" rtlCol="0">
            <a:spAutoFit/>
          </a:bodyPr>
          <a:lstStyle/>
          <a:p>
            <a:pPr algn="l"/>
            <a:r>
              <a:rPr lang="it-IT" dirty="0" err="1">
                <a:solidFill>
                  <a:schemeClr val="tx1"/>
                </a:solidFill>
              </a:rPr>
              <a:t>What</a:t>
            </a:r>
            <a:r>
              <a:rPr lang="it-IT" dirty="0">
                <a:solidFill>
                  <a:schemeClr val="tx1"/>
                </a:solidFill>
              </a:rPr>
              <a:t> are the </a:t>
            </a:r>
            <a:r>
              <a:rPr lang="it-IT" dirty="0" err="1">
                <a:solidFill>
                  <a:schemeClr val="tx1"/>
                </a:solidFill>
              </a:rPr>
              <a:t>characteristics</a:t>
            </a:r>
            <a:r>
              <a:rPr lang="it-IT" dirty="0">
                <a:solidFill>
                  <a:schemeClr val="tx1"/>
                </a:solidFill>
              </a:rPr>
              <a:t>, </a:t>
            </a:r>
            <a:r>
              <a:rPr lang="it-IT" dirty="0" err="1">
                <a:solidFill>
                  <a:schemeClr val="tx1"/>
                </a:solidFill>
              </a:rPr>
              <a:t>functions</a:t>
            </a:r>
            <a:r>
              <a:rPr lang="it-IT" dirty="0">
                <a:solidFill>
                  <a:schemeClr val="tx1"/>
                </a:solidFill>
              </a:rPr>
              <a:t>, and </a:t>
            </a:r>
            <a:r>
              <a:rPr lang="it-IT" dirty="0" err="1">
                <a:solidFill>
                  <a:schemeClr val="tx1"/>
                </a:solidFill>
              </a:rPr>
              <a:t>replacement</a:t>
            </a:r>
            <a:r>
              <a:rPr lang="it-IT" dirty="0">
                <a:solidFill>
                  <a:schemeClr val="tx1"/>
                </a:solidFill>
              </a:rPr>
              <a:t> </a:t>
            </a:r>
            <a:r>
              <a:rPr lang="it-IT" dirty="0" err="1">
                <a:solidFill>
                  <a:schemeClr val="tx1"/>
                </a:solidFill>
              </a:rPr>
              <a:t>values</a:t>
            </a:r>
            <a:r>
              <a:rPr lang="it-IT" dirty="0">
                <a:solidFill>
                  <a:schemeClr val="tx1"/>
                </a:solidFill>
              </a:rPr>
              <a:t> of </a:t>
            </a:r>
            <a:r>
              <a:rPr lang="it-IT" dirty="0" err="1">
                <a:solidFill>
                  <a:schemeClr val="tx1"/>
                </a:solidFill>
              </a:rPr>
              <a:t>exposed</a:t>
            </a:r>
            <a:r>
              <a:rPr lang="it-IT" dirty="0">
                <a:solidFill>
                  <a:schemeClr val="tx1"/>
                </a:solidFill>
              </a:rPr>
              <a:t> assets or the </a:t>
            </a:r>
            <a:r>
              <a:rPr lang="it-IT" dirty="0" err="1">
                <a:solidFill>
                  <a:schemeClr val="tx1"/>
                </a:solidFill>
              </a:rPr>
              <a:t>number</a:t>
            </a:r>
            <a:r>
              <a:rPr lang="it-IT" dirty="0">
                <a:solidFill>
                  <a:schemeClr val="tx1"/>
                </a:solidFill>
              </a:rPr>
              <a:t> of building </a:t>
            </a:r>
            <a:r>
              <a:rPr lang="it-IT" dirty="0" err="1">
                <a:solidFill>
                  <a:schemeClr val="tx1"/>
                </a:solidFill>
              </a:rPr>
              <a:t>occupants</a:t>
            </a:r>
            <a:r>
              <a:rPr lang="it-IT" dirty="0">
                <a:solidFill>
                  <a:schemeClr val="tx1"/>
                </a:solidFill>
              </a:rPr>
              <a:t>?</a:t>
            </a:r>
          </a:p>
        </p:txBody>
      </p:sp>
    </p:spTree>
    <p:extLst>
      <p:ext uri="{BB962C8B-B14F-4D97-AF65-F5344CB8AC3E}">
        <p14:creationId xmlns:p14="http://schemas.microsoft.com/office/powerpoint/2010/main" val="276445959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FAEFB83-670D-B4EB-1092-425C39E2C144}"/>
            </a:ext>
          </a:extLst>
        </p:cNvPr>
        <p:cNvGrpSpPr/>
        <p:nvPr/>
      </p:nvGrpSpPr>
      <p:grpSpPr>
        <a:xfrm>
          <a:off x="0" y="0"/>
          <a:ext cx="0" cy="0"/>
          <a:chOff x="0" y="0"/>
          <a:chExt cx="0" cy="0"/>
        </a:xfrm>
      </p:grpSpPr>
      <p:pic>
        <p:nvPicPr>
          <p:cNvPr id="3074" name="Picture 2">
            <a:extLst>
              <a:ext uri="{FF2B5EF4-FFF2-40B4-BE49-F238E27FC236}">
                <a16:creationId xmlns:a16="http://schemas.microsoft.com/office/drawing/2014/main" id="{C730A821-C6C8-FE66-FEA8-64802C5BC3D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0"/>
            <a:ext cx="12192000" cy="685641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73980714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BC43EB5C-35DE-B0F4-0767-49708C29BBB3}"/>
              </a:ext>
            </a:extLst>
          </p:cNvPr>
          <p:cNvPicPr>
            <a:picLocks noChangeAspect="1"/>
          </p:cNvPicPr>
          <p:nvPr>
            <p:custDataLst>
              <p:tags r:id="rId1"/>
            </p:custDataLst>
          </p:nvPr>
        </p:nvPicPr>
        <p:blipFill rotWithShape="1">
          <a:blip r:embed="rId5">
            <a:extLst>
              <a:ext uri="{28A0092B-C50C-407E-A947-70E740481C1C}">
                <a14:useLocalDpi xmlns:a14="http://schemas.microsoft.com/office/drawing/2010/main" val="0"/>
              </a:ext>
            </a:extLst>
          </a:blip>
          <a:srcRect/>
          <a:stretch/>
        </p:blipFill>
        <p:spPr>
          <a:xfrm>
            <a:off x="10166971" y="5097673"/>
            <a:ext cx="1603698" cy="1603698"/>
          </a:xfrm>
          <a:prstGeom prst="rect">
            <a:avLst/>
          </a:prstGeom>
        </p:spPr>
      </p:pic>
      <p:pic>
        <p:nvPicPr>
          <p:cNvPr id="4" name="Imagen 1" descr="Diagrama&#10;&#10;El contenido generado por IA puede ser incorrecto.">
            <a:extLst>
              <a:ext uri="{FF2B5EF4-FFF2-40B4-BE49-F238E27FC236}">
                <a16:creationId xmlns:a16="http://schemas.microsoft.com/office/drawing/2014/main" id="{0F0BF9B6-A78E-BBD6-6BC9-09769C801A52}"/>
              </a:ext>
            </a:extLst>
          </p:cNvPr>
          <p:cNvPicPr>
            <a:picLocks noChangeAspect="1"/>
          </p:cNvPicPr>
          <p:nvPr/>
        </p:nvPicPr>
        <p:blipFill>
          <a:blip r:embed="rId6">
            <a:duotone>
              <a:schemeClr val="accent3">
                <a:shade val="45000"/>
                <a:satMod val="135000"/>
              </a:schemeClr>
              <a:prstClr val="white"/>
            </a:duotone>
            <a:extLst>
              <a:ext uri="{28A0092B-C50C-407E-A947-70E740481C1C}">
                <a14:useLocalDpi xmlns:a14="http://schemas.microsoft.com/office/drawing/2010/main" val="0"/>
              </a:ext>
            </a:extLst>
          </a:blip>
          <a:srcRect l="-505" t="1843" r="-2217"/>
          <a:stretch>
            <a:fillRect/>
          </a:stretch>
        </p:blipFill>
        <p:spPr>
          <a:xfrm>
            <a:off x="7343868" y="0"/>
            <a:ext cx="4992256" cy="6858000"/>
          </a:xfrm>
          <a:prstGeom prst="rect">
            <a:avLst/>
          </a:prstGeom>
        </p:spPr>
      </p:pic>
      <p:pic>
        <p:nvPicPr>
          <p:cNvPr id="5" name="Graphic 4">
            <a:extLst>
              <a:ext uri="{FF2B5EF4-FFF2-40B4-BE49-F238E27FC236}">
                <a16:creationId xmlns:a16="http://schemas.microsoft.com/office/drawing/2014/main" id="{17AF94E2-AF5F-BEB6-5A53-26EE105A62F2}"/>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0378067" y="357164"/>
            <a:ext cx="1156709" cy="306413"/>
          </a:xfrm>
          <a:prstGeom prst="rect">
            <a:avLst/>
          </a:prstGeom>
        </p:spPr>
      </p:pic>
      <p:grpSp>
        <p:nvGrpSpPr>
          <p:cNvPr id="20" name="Group 19">
            <a:extLst>
              <a:ext uri="{FF2B5EF4-FFF2-40B4-BE49-F238E27FC236}">
                <a16:creationId xmlns:a16="http://schemas.microsoft.com/office/drawing/2014/main" id="{DACE5DEA-2621-E372-E039-9DA8E4F03E4D}"/>
              </a:ext>
            </a:extLst>
          </p:cNvPr>
          <p:cNvGrpSpPr/>
          <p:nvPr/>
        </p:nvGrpSpPr>
        <p:grpSpPr>
          <a:xfrm>
            <a:off x="7396793" y="3293572"/>
            <a:ext cx="4804534" cy="3204428"/>
            <a:chOff x="7387466" y="1682987"/>
            <a:chExt cx="4804534" cy="3204428"/>
          </a:xfrm>
        </p:grpSpPr>
        <p:sp>
          <p:nvSpPr>
            <p:cNvPr id="7" name="Rectangle 6">
              <a:extLst>
                <a:ext uri="{FF2B5EF4-FFF2-40B4-BE49-F238E27FC236}">
                  <a16:creationId xmlns:a16="http://schemas.microsoft.com/office/drawing/2014/main" id="{E1F4AECD-9F59-2E0C-112A-88F09A2EBA14}"/>
                </a:ext>
              </a:extLst>
            </p:cNvPr>
            <p:cNvSpPr>
              <a:spLocks/>
            </p:cNvSpPr>
            <p:nvPr/>
          </p:nvSpPr>
          <p:spPr>
            <a:xfrm>
              <a:off x="7387466" y="1682987"/>
              <a:ext cx="4804534" cy="3204428"/>
            </a:xfrm>
            <a:prstGeom prst="rect">
              <a:avLst/>
            </a:prstGeom>
            <a:solidFill>
              <a:schemeClr val="accent3">
                <a:lumMod val="75000"/>
                <a:alpha val="40000"/>
              </a:schemeClr>
            </a:solidFill>
            <a:ln>
              <a:noFill/>
            </a:ln>
            <a:effectLst>
              <a:outerShdw blurRad="50800" dist="38100" dir="2700000" algn="tl"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sz="2400">
                <a:latin typeface="+mj-lt"/>
              </a:endParaRPr>
            </a:p>
          </p:txBody>
        </p:sp>
        <p:sp>
          <p:nvSpPr>
            <p:cNvPr id="10" name="Text Placeholder 7">
              <a:extLst>
                <a:ext uri="{FF2B5EF4-FFF2-40B4-BE49-F238E27FC236}">
                  <a16:creationId xmlns:a16="http://schemas.microsoft.com/office/drawing/2014/main" id="{2A9366DB-735B-405D-07E1-3D43BEA0C7CF}"/>
                </a:ext>
              </a:extLst>
            </p:cNvPr>
            <p:cNvSpPr txBox="1">
              <a:spLocks/>
            </p:cNvSpPr>
            <p:nvPr/>
          </p:nvSpPr>
          <p:spPr>
            <a:xfrm>
              <a:off x="7387466" y="1682987"/>
              <a:ext cx="4804534" cy="3204427"/>
            </a:xfrm>
            <a:prstGeom prst="rect">
              <a:avLst/>
            </a:prstGeom>
          </p:spPr>
          <p:txBody>
            <a:bodyPr>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lvl="2" algn="ctr"/>
              <a:r>
                <a:rPr lang="en-US" sz="2400">
                  <a:solidFill>
                    <a:schemeClr val="bg1"/>
                  </a:solidFill>
                  <a:latin typeface="+mj-lt"/>
                </a:rPr>
                <a:t>We help our clients to ​integrate climate risks into climate informed decisions ​that help to </a:t>
              </a:r>
              <a:r>
                <a:rPr lang="en-US" sz="2400" b="1">
                  <a:solidFill>
                    <a:schemeClr val="bg1"/>
                  </a:solidFill>
                  <a:latin typeface="+mj-lt"/>
                </a:rPr>
                <a:t>build resilience </a:t>
              </a:r>
              <a:r>
                <a:rPr lang="en-US" sz="2400">
                  <a:solidFill>
                    <a:schemeClr val="bg1"/>
                  </a:solidFill>
                  <a:latin typeface="+mj-lt"/>
                </a:rPr>
                <a:t>and create value from their investments.  </a:t>
              </a:r>
            </a:p>
            <a:p>
              <a:pPr lvl="2" algn="ctr"/>
              <a:r>
                <a:rPr lang="en-US" sz="2400">
                  <a:solidFill>
                    <a:schemeClr val="bg1"/>
                  </a:solidFill>
                  <a:latin typeface="+mj-lt"/>
                </a:rPr>
                <a:t>This contributes to </a:t>
              </a:r>
              <a:r>
                <a:rPr lang="en-US" sz="2400" b="1">
                  <a:solidFill>
                    <a:schemeClr val="bg1"/>
                  </a:solidFill>
                  <a:latin typeface="+mj-lt"/>
                </a:rPr>
                <a:t>safe</a:t>
              </a:r>
              <a:r>
                <a:rPr lang="en-US" sz="2400">
                  <a:solidFill>
                    <a:schemeClr val="bg1"/>
                  </a:solidFill>
                  <a:latin typeface="+mj-lt"/>
                </a:rPr>
                <a:t>, </a:t>
              </a:r>
              <a:r>
                <a:rPr lang="en-US" sz="2400" b="1">
                  <a:solidFill>
                    <a:schemeClr val="bg1"/>
                  </a:solidFill>
                  <a:latin typeface="+mj-lt"/>
                </a:rPr>
                <a:t>resilient</a:t>
              </a:r>
              <a:r>
                <a:rPr lang="en-US" sz="2400">
                  <a:solidFill>
                    <a:schemeClr val="bg1"/>
                  </a:solidFill>
                  <a:latin typeface="+mj-lt"/>
                </a:rPr>
                <a:t> and </a:t>
              </a:r>
              <a:r>
                <a:rPr lang="en-US" sz="2400" b="1">
                  <a:solidFill>
                    <a:schemeClr val="bg1"/>
                  </a:solidFill>
                  <a:latin typeface="+mj-lt"/>
                </a:rPr>
                <a:t>regenerative</a:t>
              </a:r>
              <a:r>
                <a:rPr lang="en-US" sz="2400">
                  <a:solidFill>
                    <a:schemeClr val="bg1"/>
                  </a:solidFill>
                  <a:latin typeface="+mj-lt"/>
                </a:rPr>
                <a:t> places, where communities will </a:t>
              </a:r>
              <a:r>
                <a:rPr lang="en-US" sz="2400" b="1">
                  <a:solidFill>
                    <a:schemeClr val="bg1"/>
                  </a:solidFill>
                  <a:latin typeface="+mj-lt"/>
                </a:rPr>
                <a:t>thrive</a:t>
              </a:r>
              <a:r>
                <a:rPr lang="en-US" sz="2400">
                  <a:solidFill>
                    <a:schemeClr val="bg1"/>
                  </a:solidFill>
                  <a:latin typeface="+mj-lt"/>
                </a:rPr>
                <a:t>.  </a:t>
              </a:r>
              <a:endParaRPr lang="en-AU" sz="2400">
                <a:solidFill>
                  <a:schemeClr val="bg1"/>
                </a:solidFill>
                <a:latin typeface="+mj-lt"/>
              </a:endParaRPr>
            </a:p>
          </p:txBody>
        </p:sp>
      </p:grpSp>
      <p:sp>
        <p:nvSpPr>
          <p:cNvPr id="11" name="Slide Number Placeholder 10">
            <a:extLst>
              <a:ext uri="{FF2B5EF4-FFF2-40B4-BE49-F238E27FC236}">
                <a16:creationId xmlns:a16="http://schemas.microsoft.com/office/drawing/2014/main" id="{29C0B31B-EBF0-7905-6352-79D37C7DEBBA}"/>
              </a:ext>
            </a:extLst>
          </p:cNvPr>
          <p:cNvSpPr>
            <a:spLocks noGrp="1"/>
          </p:cNvSpPr>
          <p:nvPr>
            <p:ph type="sldNum" sz="quarter" idx="15"/>
          </p:nvPr>
        </p:nvSpPr>
        <p:spPr/>
        <p:txBody>
          <a:bodyPr/>
          <a:lstStyle/>
          <a:p>
            <a:fld id="{1BE232AB-0B06-425F-9ADD-32A9A3D01189}" type="slidenum">
              <a:rPr lang="en-GB" smtClean="0"/>
              <a:pPr/>
              <a:t>2</a:t>
            </a:fld>
            <a:endParaRPr lang="en-GB"/>
          </a:p>
        </p:txBody>
      </p:sp>
      <p:grpSp>
        <p:nvGrpSpPr>
          <p:cNvPr id="23" name="Group 22">
            <a:extLst>
              <a:ext uri="{FF2B5EF4-FFF2-40B4-BE49-F238E27FC236}">
                <a16:creationId xmlns:a16="http://schemas.microsoft.com/office/drawing/2014/main" id="{3B7E28E5-1D98-3B91-D5D0-7798B1FBA1D6}"/>
              </a:ext>
            </a:extLst>
          </p:cNvPr>
          <p:cNvGrpSpPr/>
          <p:nvPr/>
        </p:nvGrpSpPr>
        <p:grpSpPr>
          <a:xfrm>
            <a:off x="132319" y="156566"/>
            <a:ext cx="5963681" cy="6701433"/>
            <a:chOff x="2838995" y="1822671"/>
            <a:chExt cx="4166703" cy="4739218"/>
          </a:xfrm>
        </p:grpSpPr>
        <p:pic>
          <p:nvPicPr>
            <p:cNvPr id="17" name="Picture 16">
              <a:extLst>
                <a:ext uri="{FF2B5EF4-FFF2-40B4-BE49-F238E27FC236}">
                  <a16:creationId xmlns:a16="http://schemas.microsoft.com/office/drawing/2014/main" id="{B397427B-1C82-0535-254D-9D4B89734092}"/>
                </a:ext>
              </a:extLst>
            </p:cNvPr>
            <p:cNvPicPr>
              <a:picLocks noChangeAspect="1"/>
            </p:cNvPicPr>
            <p:nvPr/>
          </p:nvPicPr>
          <p:blipFill>
            <a:blip r:embed="rId9"/>
            <a:stretch>
              <a:fillRect/>
            </a:stretch>
          </p:blipFill>
          <p:spPr>
            <a:xfrm>
              <a:off x="5747363" y="1824455"/>
              <a:ext cx="1258335" cy="1692243"/>
            </a:xfrm>
            <a:prstGeom prst="rect">
              <a:avLst/>
            </a:prstGeom>
            <a:effectLst>
              <a:outerShdw blurRad="50800" dist="38100" dir="2700000" algn="tl" rotWithShape="0">
                <a:prstClr val="black">
                  <a:alpha val="40000"/>
                </a:prstClr>
              </a:outerShdw>
            </a:effectLst>
          </p:spPr>
        </p:pic>
        <p:pic>
          <p:nvPicPr>
            <p:cNvPr id="15" name="Picture 14">
              <a:extLst>
                <a:ext uri="{FF2B5EF4-FFF2-40B4-BE49-F238E27FC236}">
                  <a16:creationId xmlns:a16="http://schemas.microsoft.com/office/drawing/2014/main" id="{F55570BE-4CA7-7F3B-AF98-7A4032F3404C}"/>
                </a:ext>
              </a:extLst>
            </p:cNvPr>
            <p:cNvPicPr>
              <a:picLocks noChangeAspect="1"/>
            </p:cNvPicPr>
            <p:nvPr/>
          </p:nvPicPr>
          <p:blipFill>
            <a:blip r:embed="rId10"/>
            <a:stretch>
              <a:fillRect/>
            </a:stretch>
          </p:blipFill>
          <p:spPr>
            <a:xfrm>
              <a:off x="2838995" y="1822671"/>
              <a:ext cx="2478238" cy="1582109"/>
            </a:xfrm>
            <a:prstGeom prst="rect">
              <a:avLst/>
            </a:prstGeom>
            <a:effectLst>
              <a:outerShdw blurRad="50800" dist="38100" dir="2700000" algn="tl" rotWithShape="0">
                <a:prstClr val="black">
                  <a:alpha val="40000"/>
                </a:prstClr>
              </a:outerShdw>
            </a:effectLst>
          </p:spPr>
        </p:pic>
        <p:pic>
          <p:nvPicPr>
            <p:cNvPr id="18" name="Picture 17">
              <a:extLst>
                <a:ext uri="{FF2B5EF4-FFF2-40B4-BE49-F238E27FC236}">
                  <a16:creationId xmlns:a16="http://schemas.microsoft.com/office/drawing/2014/main" id="{02EB208D-BC18-058D-4574-96ED68CD1B43}"/>
                </a:ext>
              </a:extLst>
            </p:cNvPr>
            <p:cNvPicPr>
              <a:picLocks noChangeAspect="1"/>
            </p:cNvPicPr>
            <p:nvPr/>
          </p:nvPicPr>
          <p:blipFill>
            <a:blip r:embed="rId11"/>
            <a:stretch>
              <a:fillRect/>
            </a:stretch>
          </p:blipFill>
          <p:spPr>
            <a:xfrm>
              <a:off x="4747957" y="2613725"/>
              <a:ext cx="1362461" cy="1582109"/>
            </a:xfrm>
            <a:prstGeom prst="rect">
              <a:avLst/>
            </a:prstGeom>
            <a:effectLst>
              <a:outerShdw blurRad="50800" dist="38100" dir="2700000" algn="tl" rotWithShape="0">
                <a:prstClr val="black">
                  <a:alpha val="40000"/>
                </a:prstClr>
              </a:outerShdw>
            </a:effectLst>
          </p:spPr>
        </p:pic>
        <p:pic>
          <p:nvPicPr>
            <p:cNvPr id="13" name="Picture 12">
              <a:extLst>
                <a:ext uri="{FF2B5EF4-FFF2-40B4-BE49-F238E27FC236}">
                  <a16:creationId xmlns:a16="http://schemas.microsoft.com/office/drawing/2014/main" id="{BC21ECE9-881E-BB0C-B104-4407B2099457}"/>
                </a:ext>
              </a:extLst>
            </p:cNvPr>
            <p:cNvPicPr>
              <a:picLocks noChangeAspect="1"/>
            </p:cNvPicPr>
            <p:nvPr/>
          </p:nvPicPr>
          <p:blipFill>
            <a:blip r:embed="rId12"/>
            <a:stretch>
              <a:fillRect/>
            </a:stretch>
          </p:blipFill>
          <p:spPr>
            <a:xfrm>
              <a:off x="4807244" y="3788132"/>
              <a:ext cx="2158891" cy="1406707"/>
            </a:xfrm>
            <a:prstGeom prst="rect">
              <a:avLst/>
            </a:prstGeom>
            <a:effectLst>
              <a:outerShdw blurRad="50800" dist="38100" dir="2700000" algn="tl" rotWithShape="0">
                <a:prstClr val="black">
                  <a:alpha val="40000"/>
                </a:prstClr>
              </a:outerShdw>
            </a:effectLst>
          </p:spPr>
        </p:pic>
        <p:pic>
          <p:nvPicPr>
            <p:cNvPr id="14" name="Picture 13">
              <a:extLst>
                <a:ext uri="{FF2B5EF4-FFF2-40B4-BE49-F238E27FC236}">
                  <a16:creationId xmlns:a16="http://schemas.microsoft.com/office/drawing/2014/main" id="{CD5F2FA9-88A9-CF8C-FF2D-C098A68729D4}"/>
                </a:ext>
              </a:extLst>
            </p:cNvPr>
            <p:cNvPicPr>
              <a:picLocks noChangeAspect="1"/>
            </p:cNvPicPr>
            <p:nvPr/>
          </p:nvPicPr>
          <p:blipFill>
            <a:blip r:embed="rId13"/>
            <a:stretch>
              <a:fillRect/>
            </a:stretch>
          </p:blipFill>
          <p:spPr>
            <a:xfrm>
              <a:off x="2855696" y="3516698"/>
              <a:ext cx="1448018" cy="1894520"/>
            </a:xfrm>
            <a:prstGeom prst="rect">
              <a:avLst/>
            </a:prstGeom>
            <a:effectLst>
              <a:outerShdw blurRad="50800" dist="38100" dir="2700000" algn="tl" rotWithShape="0">
                <a:prstClr val="black">
                  <a:alpha val="40000"/>
                </a:prstClr>
              </a:outerShdw>
            </a:effectLst>
          </p:spPr>
        </p:pic>
        <p:pic>
          <p:nvPicPr>
            <p:cNvPr id="16" name="Picture 15">
              <a:extLst>
                <a:ext uri="{FF2B5EF4-FFF2-40B4-BE49-F238E27FC236}">
                  <a16:creationId xmlns:a16="http://schemas.microsoft.com/office/drawing/2014/main" id="{260F9AFE-53E3-2428-1DD1-10AC6E00AE32}"/>
                </a:ext>
              </a:extLst>
            </p:cNvPr>
            <p:cNvPicPr>
              <a:picLocks noChangeAspect="1"/>
            </p:cNvPicPr>
            <p:nvPr/>
          </p:nvPicPr>
          <p:blipFill>
            <a:blip r:embed="rId14"/>
            <a:stretch>
              <a:fillRect/>
            </a:stretch>
          </p:blipFill>
          <p:spPr>
            <a:xfrm>
              <a:off x="4097061" y="3969091"/>
              <a:ext cx="1088046" cy="1758760"/>
            </a:xfrm>
            <a:prstGeom prst="rect">
              <a:avLst/>
            </a:prstGeom>
            <a:effectLst>
              <a:outerShdw blurRad="50800" dist="38100" dir="2700000" algn="tl" rotWithShape="0">
                <a:prstClr val="black">
                  <a:alpha val="40000"/>
                </a:prstClr>
              </a:outerShdw>
            </a:effectLst>
          </p:spPr>
        </p:pic>
        <p:pic>
          <p:nvPicPr>
            <p:cNvPr id="12" name="Picture 11">
              <a:extLst>
                <a:ext uri="{FF2B5EF4-FFF2-40B4-BE49-F238E27FC236}">
                  <a16:creationId xmlns:a16="http://schemas.microsoft.com/office/drawing/2014/main" id="{6E0EE396-D828-D1B8-8CC9-AB22CE226E5E}"/>
                </a:ext>
              </a:extLst>
            </p:cNvPr>
            <p:cNvPicPr>
              <a:picLocks noChangeAspect="1"/>
            </p:cNvPicPr>
            <p:nvPr/>
          </p:nvPicPr>
          <p:blipFill>
            <a:blip r:embed="rId15"/>
            <a:stretch>
              <a:fillRect/>
            </a:stretch>
          </p:blipFill>
          <p:spPr>
            <a:xfrm>
              <a:off x="4418158" y="5370241"/>
              <a:ext cx="1684515" cy="1191648"/>
            </a:xfrm>
            <a:prstGeom prst="rect">
              <a:avLst/>
            </a:prstGeom>
            <a:effectLst>
              <a:outerShdw blurRad="50800" dist="38100" dir="2700000" algn="tl" rotWithShape="0">
                <a:prstClr val="black">
                  <a:alpha val="40000"/>
                </a:prstClr>
              </a:outerShdw>
            </a:effectLst>
          </p:spPr>
        </p:pic>
      </p:grpSp>
      <p:sp>
        <p:nvSpPr>
          <p:cNvPr id="21" name="Title 20">
            <a:extLst>
              <a:ext uri="{FF2B5EF4-FFF2-40B4-BE49-F238E27FC236}">
                <a16:creationId xmlns:a16="http://schemas.microsoft.com/office/drawing/2014/main" id="{4F7DD97D-C845-E89A-721E-88787457A0C4}"/>
              </a:ext>
            </a:extLst>
          </p:cNvPr>
          <p:cNvSpPr>
            <a:spLocks noGrp="1"/>
          </p:cNvSpPr>
          <p:nvPr>
            <p:ph type="title"/>
          </p:nvPr>
        </p:nvSpPr>
        <p:spPr/>
        <p:txBody>
          <a:bodyPr/>
          <a:lstStyle/>
          <a:p>
            <a:endParaRPr lang="en-GB"/>
          </a:p>
        </p:txBody>
      </p:sp>
      <p:sp>
        <p:nvSpPr>
          <p:cNvPr id="25" name="Subtitle 24">
            <a:extLst>
              <a:ext uri="{FF2B5EF4-FFF2-40B4-BE49-F238E27FC236}">
                <a16:creationId xmlns:a16="http://schemas.microsoft.com/office/drawing/2014/main" id="{5E3AEA78-036C-7DAA-ED24-9511C55CD837}"/>
              </a:ext>
            </a:extLst>
          </p:cNvPr>
          <p:cNvSpPr>
            <a:spLocks noGrp="1"/>
          </p:cNvSpPr>
          <p:nvPr>
            <p:ph type="subTitle" idx="1"/>
          </p:nvPr>
        </p:nvSpPr>
        <p:spPr/>
        <p:txBody>
          <a:bodyPr/>
          <a:lstStyle/>
          <a:p>
            <a:endParaRPr lang="en-GB"/>
          </a:p>
        </p:txBody>
      </p:sp>
    </p:spTree>
    <p:extLst>
      <p:ext uri="{BB962C8B-B14F-4D97-AF65-F5344CB8AC3E}">
        <p14:creationId xmlns:p14="http://schemas.microsoft.com/office/powerpoint/2010/main" val="2757200536"/>
      </p:ext>
    </p:extLst>
  </p:cSld>
  <p:clrMapOvr>
    <a:masterClrMapping/>
  </p:clrMapOvr>
  <p:extLst>
    <p:ext uri="{6950BFC3-D8DA-4A85-94F7-54DA5524770B}">
      <p188:commentRel xmlns:p188="http://schemas.microsoft.com/office/powerpoint/2018/8/main" r:id="rId4"/>
    </p:ext>
  </p:extLs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AA4E85-3C21-7773-F75C-6AEC7874B128}"/>
            </a:ext>
          </a:extLst>
        </p:cNvPr>
        <p:cNvGrpSpPr/>
        <p:nvPr/>
      </p:nvGrpSpPr>
      <p:grpSpPr>
        <a:xfrm>
          <a:off x="0" y="0"/>
          <a:ext cx="0" cy="0"/>
          <a:chOff x="0" y="0"/>
          <a:chExt cx="0" cy="0"/>
        </a:xfrm>
      </p:grpSpPr>
      <p:sp>
        <p:nvSpPr>
          <p:cNvPr id="3" name="Título 2">
            <a:extLst>
              <a:ext uri="{FF2B5EF4-FFF2-40B4-BE49-F238E27FC236}">
                <a16:creationId xmlns:a16="http://schemas.microsoft.com/office/drawing/2014/main" id="{32B2F994-5590-578A-2092-40EEEDB49A3B}"/>
              </a:ext>
            </a:extLst>
          </p:cNvPr>
          <p:cNvSpPr>
            <a:spLocks noGrp="1"/>
          </p:cNvSpPr>
          <p:nvPr>
            <p:ph type="title"/>
          </p:nvPr>
        </p:nvSpPr>
        <p:spPr/>
        <p:txBody>
          <a:bodyPr/>
          <a:lstStyle/>
          <a:p>
            <a:pPr>
              <a:lnSpc>
                <a:spcPts val="4100"/>
              </a:lnSpc>
            </a:pPr>
            <a:r>
              <a:rPr lang="en-GB" dirty="0"/>
              <a:t>Investing in resilience is no longer optional,</a:t>
            </a:r>
            <a:br>
              <a:rPr lang="en-GB" dirty="0"/>
            </a:br>
            <a:r>
              <a:rPr lang="en-GB" dirty="0"/>
              <a:t>it’s essential</a:t>
            </a:r>
          </a:p>
        </p:txBody>
      </p:sp>
      <p:pic>
        <p:nvPicPr>
          <p:cNvPr id="2" name="Imagen 1" descr="Diagrama&#10;&#10;El contenido generado por IA puede ser incorrecto.">
            <a:extLst>
              <a:ext uri="{FF2B5EF4-FFF2-40B4-BE49-F238E27FC236}">
                <a16:creationId xmlns:a16="http://schemas.microsoft.com/office/drawing/2014/main" id="{7227E710-E874-158E-015F-3A631F83C4D7}"/>
              </a:ext>
            </a:extLst>
          </p:cNvPr>
          <p:cNvPicPr>
            <a:picLocks noChangeAspect="1"/>
          </p:cNvPicPr>
          <p:nvPr/>
        </p:nvPicPr>
        <p:blipFill>
          <a:blip r:embed="rId2">
            <a:extLst>
              <a:ext uri="{28A0092B-C50C-407E-A947-70E740481C1C}">
                <a14:useLocalDpi xmlns:a14="http://schemas.microsoft.com/office/drawing/2010/main" val="0"/>
              </a:ext>
            </a:extLst>
          </a:blip>
          <a:srcRect l="1844" t="1843" r="301"/>
          <a:stretch/>
        </p:blipFill>
        <p:spPr>
          <a:xfrm>
            <a:off x="6208713" y="0"/>
            <a:ext cx="5983286" cy="6858000"/>
          </a:xfrm>
          <a:prstGeom prst="rect">
            <a:avLst/>
          </a:prstGeom>
        </p:spPr>
      </p:pic>
      <p:pic>
        <p:nvPicPr>
          <p:cNvPr id="4" name="Graphic 5">
            <a:extLst>
              <a:ext uri="{FF2B5EF4-FFF2-40B4-BE49-F238E27FC236}">
                <a16:creationId xmlns:a16="http://schemas.microsoft.com/office/drawing/2014/main" id="{17E956F9-6E2D-5EFA-6FAF-02F9C7533266}"/>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0378067" y="357164"/>
            <a:ext cx="1156709" cy="306413"/>
          </a:xfrm>
          <a:prstGeom prst="rect">
            <a:avLst/>
          </a:prstGeom>
        </p:spPr>
      </p:pic>
      <p:sp>
        <p:nvSpPr>
          <p:cNvPr id="8" name="Rectángulo 7">
            <a:extLst>
              <a:ext uri="{FF2B5EF4-FFF2-40B4-BE49-F238E27FC236}">
                <a16:creationId xmlns:a16="http://schemas.microsoft.com/office/drawing/2014/main" id="{A6F36614-6EAA-9511-990C-C3C897000071}"/>
              </a:ext>
            </a:extLst>
          </p:cNvPr>
          <p:cNvSpPr/>
          <p:nvPr/>
        </p:nvSpPr>
        <p:spPr>
          <a:xfrm>
            <a:off x="0" y="4583573"/>
            <a:ext cx="5748337" cy="1577791"/>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s-ES" dirty="0"/>
          </a:p>
        </p:txBody>
      </p:sp>
      <p:sp>
        <p:nvSpPr>
          <p:cNvPr id="9" name="Marcador de texto 4">
            <a:extLst>
              <a:ext uri="{FF2B5EF4-FFF2-40B4-BE49-F238E27FC236}">
                <a16:creationId xmlns:a16="http://schemas.microsoft.com/office/drawing/2014/main" id="{4F324BE6-D99E-7C28-3FAB-E3270C751E9E}"/>
              </a:ext>
            </a:extLst>
          </p:cNvPr>
          <p:cNvSpPr txBox="1">
            <a:spLocks/>
          </p:cNvSpPr>
          <p:nvPr/>
        </p:nvSpPr>
        <p:spPr>
          <a:xfrm>
            <a:off x="658811" y="2447364"/>
            <a:ext cx="5089524" cy="2054809"/>
          </a:xfrm>
          <a:prstGeom prst="rect">
            <a:avLst/>
          </a:prstGeom>
        </p:spPr>
        <p:txBody>
          <a:bodyPr vert="horz" lIns="0" tIns="18000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Font typeface="Arial" panose="020B0604020202020204" pitchFamily="34" charset="0"/>
              <a:buNone/>
            </a:pPr>
            <a:r>
              <a:rPr lang="en-GB" sz="1800" dirty="0"/>
              <a:t>Achieving resilience begins with understanding that every place has its own story, shaped by geography, culture, and unique set of challenges. Making infrastructure networks more resilient requires tailored solutions that address these local contexts, while ensuring long-term functionality.​</a:t>
            </a:r>
          </a:p>
        </p:txBody>
      </p:sp>
      <p:cxnSp>
        <p:nvCxnSpPr>
          <p:cNvPr id="10" name="Conector recto 9">
            <a:extLst>
              <a:ext uri="{FF2B5EF4-FFF2-40B4-BE49-F238E27FC236}">
                <a16:creationId xmlns:a16="http://schemas.microsoft.com/office/drawing/2014/main" id="{28B22439-C03E-C0CF-F152-A1FC1098CA50}"/>
              </a:ext>
            </a:extLst>
          </p:cNvPr>
          <p:cNvCxnSpPr>
            <a:cxnSpLocks/>
          </p:cNvCxnSpPr>
          <p:nvPr/>
        </p:nvCxnSpPr>
        <p:spPr>
          <a:xfrm>
            <a:off x="658811" y="2304830"/>
            <a:ext cx="5089524"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Marcador de texto 4">
            <a:extLst>
              <a:ext uri="{FF2B5EF4-FFF2-40B4-BE49-F238E27FC236}">
                <a16:creationId xmlns:a16="http://schemas.microsoft.com/office/drawing/2014/main" id="{B0F4CBF4-F131-6CC9-C07A-32602AAAE92C}"/>
              </a:ext>
            </a:extLst>
          </p:cNvPr>
          <p:cNvSpPr txBox="1">
            <a:spLocks/>
          </p:cNvSpPr>
          <p:nvPr/>
        </p:nvSpPr>
        <p:spPr>
          <a:xfrm>
            <a:off x="658813" y="4583575"/>
            <a:ext cx="5089524" cy="1577790"/>
          </a:xfrm>
          <a:prstGeom prst="rect">
            <a:avLst/>
          </a:prstGeom>
        </p:spPr>
        <p:txBody>
          <a:bodyPr vert="horz" lIns="0" tIns="216000" rIns="216000" bIns="21600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Font typeface="Arial" panose="020B0604020202020204" pitchFamily="34" charset="0"/>
              <a:buNone/>
            </a:pPr>
            <a:r>
              <a:rPr lang="en-GB" sz="1600" dirty="0"/>
              <a:t>Resilient road networks reduce the risk of disruption, protect and connect communities, and help secure sustainable economic growth. Acting now saves money in the long term and helps enable adaptable, future ready infrastructure.</a:t>
            </a:r>
          </a:p>
        </p:txBody>
      </p:sp>
    </p:spTree>
    <p:extLst>
      <p:ext uri="{BB962C8B-B14F-4D97-AF65-F5344CB8AC3E}">
        <p14:creationId xmlns:p14="http://schemas.microsoft.com/office/powerpoint/2010/main" val="318457403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9471B4-8A30-2BF9-E0E0-56725FDF72B7}"/>
            </a:ext>
          </a:extLst>
        </p:cNvPr>
        <p:cNvGrpSpPr/>
        <p:nvPr/>
      </p:nvGrpSpPr>
      <p:grpSpPr>
        <a:xfrm>
          <a:off x="0" y="0"/>
          <a:ext cx="0" cy="0"/>
          <a:chOff x="0" y="0"/>
          <a:chExt cx="0" cy="0"/>
        </a:xfrm>
      </p:grpSpPr>
      <p:pic>
        <p:nvPicPr>
          <p:cNvPr id="9" name="Picture Placeholder 7">
            <a:extLst>
              <a:ext uri="{FF2B5EF4-FFF2-40B4-BE49-F238E27FC236}">
                <a16:creationId xmlns:a16="http://schemas.microsoft.com/office/drawing/2014/main" id="{CA79886D-7E0B-912F-C26A-779EBB9FF694}"/>
              </a:ext>
            </a:extLst>
          </p:cNvPr>
          <p:cNvPicPr>
            <a:picLocks noGrp="1" noChangeAspect="1"/>
          </p:cNvPicPr>
          <p:nvPr>
            <p:ph type="pic" sz="quarter" idx="13"/>
          </p:nvPr>
        </p:nvPicPr>
        <p:blipFill>
          <a:blip r:embed="rId3">
            <a:extLst>
              <a:ext uri="{28A0092B-C50C-407E-A947-70E740481C1C}">
                <a14:useLocalDpi xmlns:a14="http://schemas.microsoft.com/office/drawing/2010/main" val="0"/>
              </a:ext>
            </a:extLst>
          </a:blip>
          <a:srcRect l="43356" r="2272"/>
          <a:stretch/>
        </p:blipFill>
        <p:spPr>
          <a:xfrm>
            <a:off x="6210300" y="0"/>
            <a:ext cx="5981700" cy="6858000"/>
          </a:xfrm>
        </p:spPr>
      </p:pic>
      <p:sp>
        <p:nvSpPr>
          <p:cNvPr id="3" name="Título 2">
            <a:extLst>
              <a:ext uri="{FF2B5EF4-FFF2-40B4-BE49-F238E27FC236}">
                <a16:creationId xmlns:a16="http://schemas.microsoft.com/office/drawing/2014/main" id="{866F8226-1FF4-92E6-E05D-D1575955672E}"/>
              </a:ext>
            </a:extLst>
          </p:cNvPr>
          <p:cNvSpPr>
            <a:spLocks noGrp="1"/>
          </p:cNvSpPr>
          <p:nvPr>
            <p:ph type="title"/>
          </p:nvPr>
        </p:nvSpPr>
        <p:spPr/>
        <p:txBody>
          <a:bodyPr/>
          <a:lstStyle/>
          <a:p>
            <a:pPr>
              <a:lnSpc>
                <a:spcPts val="4100"/>
              </a:lnSpc>
            </a:pPr>
            <a:r>
              <a:rPr lang="es-ES" dirty="0"/>
              <a:t>4. </a:t>
            </a:r>
            <a:r>
              <a:rPr lang="es-ES" dirty="0" err="1"/>
              <a:t>What’s</a:t>
            </a:r>
            <a:r>
              <a:rPr lang="es-ES" dirty="0"/>
              <a:t> </a:t>
            </a:r>
            <a:r>
              <a:rPr lang="es-ES" dirty="0" err="1"/>
              <a:t>stopping</a:t>
            </a:r>
            <a:r>
              <a:rPr lang="es-ES" dirty="0"/>
              <a:t> </a:t>
            </a:r>
            <a:r>
              <a:rPr lang="es-ES" dirty="0" err="1"/>
              <a:t>us</a:t>
            </a:r>
            <a:r>
              <a:rPr lang="es-ES" dirty="0"/>
              <a:t>? </a:t>
            </a:r>
          </a:p>
        </p:txBody>
      </p:sp>
      <p:pic>
        <p:nvPicPr>
          <p:cNvPr id="10" name="Graphic 5">
            <a:extLst>
              <a:ext uri="{FF2B5EF4-FFF2-40B4-BE49-F238E27FC236}">
                <a16:creationId xmlns:a16="http://schemas.microsoft.com/office/drawing/2014/main" id="{076AB5ED-F065-1000-7DFD-B6AB624AFA96}"/>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0378067" y="357164"/>
            <a:ext cx="1156709" cy="306413"/>
          </a:xfrm>
          <a:prstGeom prst="rect">
            <a:avLst/>
          </a:prstGeom>
        </p:spPr>
      </p:pic>
      <p:sp>
        <p:nvSpPr>
          <p:cNvPr id="18" name="Marcador de texto 4">
            <a:extLst>
              <a:ext uri="{FF2B5EF4-FFF2-40B4-BE49-F238E27FC236}">
                <a16:creationId xmlns:a16="http://schemas.microsoft.com/office/drawing/2014/main" id="{E2003E0C-FDB9-ABB9-A7EB-7AD5EC6502DD}"/>
              </a:ext>
            </a:extLst>
          </p:cNvPr>
          <p:cNvSpPr txBox="1">
            <a:spLocks/>
          </p:cNvSpPr>
          <p:nvPr/>
        </p:nvSpPr>
        <p:spPr>
          <a:xfrm>
            <a:off x="658811" y="1760398"/>
            <a:ext cx="5089524" cy="2054809"/>
          </a:xfrm>
          <a:prstGeom prst="rect">
            <a:avLst/>
          </a:prstGeom>
        </p:spPr>
        <p:txBody>
          <a:bodyPr vert="horz" lIns="0" tIns="18000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GB" sz="1800" dirty="0"/>
              <a:t>We are navigating an environment of extreme uncertainty. Despite this, certain realities are clear: assets, operations, and people will inevitably be affected by climate change. Organisations must make strategic decisions on allocating limited resources, addressing immediate shocks, and preparing for long-term stresses and disruptions.</a:t>
            </a:r>
          </a:p>
          <a:p>
            <a:pPr marL="0" indent="0">
              <a:buFont typeface="Arial" panose="020B0604020202020204" pitchFamily="34" charset="0"/>
              <a:buNone/>
            </a:pPr>
            <a:endParaRPr lang="en-GB" sz="1800" dirty="0"/>
          </a:p>
        </p:txBody>
      </p:sp>
      <p:cxnSp>
        <p:nvCxnSpPr>
          <p:cNvPr id="19" name="Conector recto 18">
            <a:extLst>
              <a:ext uri="{FF2B5EF4-FFF2-40B4-BE49-F238E27FC236}">
                <a16:creationId xmlns:a16="http://schemas.microsoft.com/office/drawing/2014/main" id="{F05BA8E9-1118-D028-FB93-4EC5E57F5774}"/>
              </a:ext>
            </a:extLst>
          </p:cNvPr>
          <p:cNvCxnSpPr>
            <a:cxnSpLocks/>
          </p:cNvCxnSpPr>
          <p:nvPr/>
        </p:nvCxnSpPr>
        <p:spPr>
          <a:xfrm>
            <a:off x="658813" y="1818694"/>
            <a:ext cx="5089524"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06" name="Rectángulo 105">
            <a:extLst>
              <a:ext uri="{FF2B5EF4-FFF2-40B4-BE49-F238E27FC236}">
                <a16:creationId xmlns:a16="http://schemas.microsoft.com/office/drawing/2014/main" id="{4BF18F1B-5681-205D-0D3A-555D3BAE57BF}"/>
              </a:ext>
            </a:extLst>
          </p:cNvPr>
          <p:cNvSpPr/>
          <p:nvPr/>
        </p:nvSpPr>
        <p:spPr>
          <a:xfrm>
            <a:off x="-3174" y="3870632"/>
            <a:ext cx="5981700" cy="2290732"/>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s-ES" dirty="0"/>
          </a:p>
        </p:txBody>
      </p:sp>
      <p:sp>
        <p:nvSpPr>
          <p:cNvPr id="107" name="Marcador de texto 4">
            <a:extLst>
              <a:ext uri="{FF2B5EF4-FFF2-40B4-BE49-F238E27FC236}">
                <a16:creationId xmlns:a16="http://schemas.microsoft.com/office/drawing/2014/main" id="{7FC6D08F-4B88-0D7A-BC1F-37F62B87B958}"/>
              </a:ext>
            </a:extLst>
          </p:cNvPr>
          <p:cNvSpPr txBox="1">
            <a:spLocks/>
          </p:cNvSpPr>
          <p:nvPr/>
        </p:nvSpPr>
        <p:spPr>
          <a:xfrm>
            <a:off x="658813" y="3870633"/>
            <a:ext cx="5324474" cy="2295217"/>
          </a:xfrm>
          <a:prstGeom prst="rect">
            <a:avLst/>
          </a:prstGeom>
        </p:spPr>
        <p:txBody>
          <a:bodyPr vert="horz" lIns="0" tIns="1044000" rIns="216000" bIns="21600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Font typeface="Arial" panose="020B0604020202020204" pitchFamily="34" charset="0"/>
              <a:buNone/>
            </a:pPr>
            <a:r>
              <a:rPr lang="en-GB" sz="1600" spc="-10" dirty="0"/>
              <a:t>Every $1 spent on preventive road maintenance saves $6</a:t>
            </a:r>
            <a:br>
              <a:rPr lang="en-GB" sz="1600" spc="-10" dirty="0"/>
            </a:br>
            <a:r>
              <a:rPr lang="en-GB" sz="1600" spc="-10" dirty="0"/>
              <a:t>to $10 in future repair costs [American Association of State Highway and Transportation Officials (AASHTO)]</a:t>
            </a:r>
          </a:p>
        </p:txBody>
      </p:sp>
      <p:cxnSp>
        <p:nvCxnSpPr>
          <p:cNvPr id="108" name="Conector recto 107">
            <a:extLst>
              <a:ext uri="{FF2B5EF4-FFF2-40B4-BE49-F238E27FC236}">
                <a16:creationId xmlns:a16="http://schemas.microsoft.com/office/drawing/2014/main" id="{0F16CEA0-EB85-4419-38CB-5FE685FA0F87}"/>
              </a:ext>
            </a:extLst>
          </p:cNvPr>
          <p:cNvCxnSpPr>
            <a:cxnSpLocks/>
          </p:cNvCxnSpPr>
          <p:nvPr/>
        </p:nvCxnSpPr>
        <p:spPr>
          <a:xfrm>
            <a:off x="672057" y="4710072"/>
            <a:ext cx="5086350"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grpSp>
        <p:nvGrpSpPr>
          <p:cNvPr id="109" name="Grupo 108">
            <a:extLst>
              <a:ext uri="{FF2B5EF4-FFF2-40B4-BE49-F238E27FC236}">
                <a16:creationId xmlns:a16="http://schemas.microsoft.com/office/drawing/2014/main" id="{9D861054-4872-FDB1-ADC9-C4BF89699DDF}"/>
              </a:ext>
            </a:extLst>
          </p:cNvPr>
          <p:cNvGrpSpPr/>
          <p:nvPr/>
        </p:nvGrpSpPr>
        <p:grpSpPr>
          <a:xfrm>
            <a:off x="672057" y="4080924"/>
            <a:ext cx="503781" cy="429592"/>
            <a:chOff x="7209404" y="4475870"/>
            <a:chExt cx="382905" cy="326517"/>
          </a:xfrm>
        </p:grpSpPr>
        <p:sp>
          <p:nvSpPr>
            <p:cNvPr id="110" name="Forma libre: forma 109">
              <a:extLst>
                <a:ext uri="{FF2B5EF4-FFF2-40B4-BE49-F238E27FC236}">
                  <a16:creationId xmlns:a16="http://schemas.microsoft.com/office/drawing/2014/main" id="{2581A24A-80C5-D1CB-F2CE-0391E8FF92F5}"/>
                </a:ext>
              </a:extLst>
            </p:cNvPr>
            <p:cNvSpPr/>
            <p:nvPr/>
          </p:nvSpPr>
          <p:spPr>
            <a:xfrm>
              <a:off x="7295510" y="4475870"/>
              <a:ext cx="210692" cy="210693"/>
            </a:xfrm>
            <a:custGeom>
              <a:avLst/>
              <a:gdLst>
                <a:gd name="connsiteX0" fmla="*/ 158020 w 210692"/>
                <a:gd name="connsiteY0" fmla="*/ 210693 h 210693"/>
                <a:gd name="connsiteX1" fmla="*/ 158020 w 210692"/>
                <a:gd name="connsiteY1" fmla="*/ 196596 h 210693"/>
                <a:gd name="connsiteX2" fmla="*/ 210693 w 210692"/>
                <a:gd name="connsiteY2" fmla="*/ 105347 h 210693"/>
                <a:gd name="connsiteX3" fmla="*/ 105347 w 210692"/>
                <a:gd name="connsiteY3" fmla="*/ 0 h 210693"/>
                <a:gd name="connsiteX4" fmla="*/ 0 w 210692"/>
                <a:gd name="connsiteY4" fmla="*/ 105347 h 210693"/>
                <a:gd name="connsiteX5" fmla="*/ 52673 w 210692"/>
                <a:gd name="connsiteY5" fmla="*/ 196596 h 210693"/>
                <a:gd name="connsiteX6" fmla="*/ 52673 w 210692"/>
                <a:gd name="connsiteY6" fmla="*/ 210693 h 2106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10692" h="210693">
                  <a:moveTo>
                    <a:pt x="158020" y="210693"/>
                  </a:moveTo>
                  <a:lnTo>
                    <a:pt x="158020" y="196596"/>
                  </a:lnTo>
                  <a:cubicBezTo>
                    <a:pt x="189452" y="178403"/>
                    <a:pt x="210693" y="144399"/>
                    <a:pt x="210693" y="105347"/>
                  </a:cubicBezTo>
                  <a:cubicBezTo>
                    <a:pt x="210693" y="47149"/>
                    <a:pt x="163544" y="0"/>
                    <a:pt x="105347" y="0"/>
                  </a:cubicBezTo>
                  <a:cubicBezTo>
                    <a:pt x="47149" y="0"/>
                    <a:pt x="0" y="47149"/>
                    <a:pt x="0" y="105347"/>
                  </a:cubicBezTo>
                  <a:cubicBezTo>
                    <a:pt x="0" y="144304"/>
                    <a:pt x="21146" y="178403"/>
                    <a:pt x="52673" y="196596"/>
                  </a:cubicBezTo>
                  <a:lnTo>
                    <a:pt x="52673" y="210693"/>
                  </a:lnTo>
                </a:path>
              </a:pathLst>
            </a:custGeom>
            <a:noFill/>
            <a:ln w="6350" cap="rnd">
              <a:solidFill>
                <a:schemeClr val="tx1"/>
              </a:solidFill>
              <a:prstDash val="solid"/>
              <a:round/>
            </a:ln>
          </p:spPr>
          <p:txBody>
            <a:bodyPr rtlCol="0" anchor="ctr"/>
            <a:lstStyle/>
            <a:p>
              <a:endParaRPr lang="es-ES"/>
            </a:p>
          </p:txBody>
        </p:sp>
        <p:sp>
          <p:nvSpPr>
            <p:cNvPr id="111" name="Forma libre: forma 110">
              <a:extLst>
                <a:ext uri="{FF2B5EF4-FFF2-40B4-BE49-F238E27FC236}">
                  <a16:creationId xmlns:a16="http://schemas.microsoft.com/office/drawing/2014/main" id="{FDBDFF40-90CB-01FC-8284-35DB9B41BA3F}"/>
                </a:ext>
              </a:extLst>
            </p:cNvPr>
            <p:cNvSpPr/>
            <p:nvPr/>
          </p:nvSpPr>
          <p:spPr>
            <a:xfrm>
              <a:off x="7348184" y="4742761"/>
              <a:ext cx="105346" cy="21050"/>
            </a:xfrm>
            <a:custGeom>
              <a:avLst/>
              <a:gdLst>
                <a:gd name="connsiteX0" fmla="*/ 0 w 105346"/>
                <a:gd name="connsiteY0" fmla="*/ 21050 h 21050"/>
                <a:gd name="connsiteX1" fmla="*/ 105346 w 105346"/>
                <a:gd name="connsiteY1" fmla="*/ 0 h 21050"/>
              </a:gdLst>
              <a:ahLst/>
              <a:cxnLst>
                <a:cxn ang="0">
                  <a:pos x="connsiteX0" y="connsiteY0"/>
                </a:cxn>
                <a:cxn ang="0">
                  <a:pos x="connsiteX1" y="connsiteY1"/>
                </a:cxn>
              </a:cxnLst>
              <a:rect l="l" t="t" r="r" b="b"/>
              <a:pathLst>
                <a:path w="105346" h="21050">
                  <a:moveTo>
                    <a:pt x="0" y="21050"/>
                  </a:moveTo>
                  <a:lnTo>
                    <a:pt x="105346" y="0"/>
                  </a:lnTo>
                </a:path>
              </a:pathLst>
            </a:custGeom>
            <a:ln w="6350" cap="rnd">
              <a:solidFill>
                <a:schemeClr val="tx1"/>
              </a:solidFill>
              <a:prstDash val="solid"/>
              <a:round/>
            </a:ln>
          </p:spPr>
          <p:txBody>
            <a:bodyPr rtlCol="0" anchor="ctr"/>
            <a:lstStyle/>
            <a:p>
              <a:endParaRPr lang="es-ES"/>
            </a:p>
          </p:txBody>
        </p:sp>
        <p:sp>
          <p:nvSpPr>
            <p:cNvPr id="112" name="Forma libre: forma 111">
              <a:extLst>
                <a:ext uri="{FF2B5EF4-FFF2-40B4-BE49-F238E27FC236}">
                  <a16:creationId xmlns:a16="http://schemas.microsoft.com/office/drawing/2014/main" id="{F1DB52EA-6D7A-8260-9D6D-29A1CBEBA049}"/>
                </a:ext>
              </a:extLst>
            </p:cNvPr>
            <p:cNvSpPr/>
            <p:nvPr/>
          </p:nvSpPr>
          <p:spPr>
            <a:xfrm>
              <a:off x="7348184" y="4686563"/>
              <a:ext cx="105346" cy="21050"/>
            </a:xfrm>
            <a:custGeom>
              <a:avLst/>
              <a:gdLst>
                <a:gd name="connsiteX0" fmla="*/ 0 w 105346"/>
                <a:gd name="connsiteY0" fmla="*/ 21050 h 21050"/>
                <a:gd name="connsiteX1" fmla="*/ 105346 w 105346"/>
                <a:gd name="connsiteY1" fmla="*/ 0 h 21050"/>
              </a:gdLst>
              <a:ahLst/>
              <a:cxnLst>
                <a:cxn ang="0">
                  <a:pos x="connsiteX0" y="connsiteY0"/>
                </a:cxn>
                <a:cxn ang="0">
                  <a:pos x="connsiteX1" y="connsiteY1"/>
                </a:cxn>
              </a:cxnLst>
              <a:rect l="l" t="t" r="r" b="b"/>
              <a:pathLst>
                <a:path w="105346" h="21050">
                  <a:moveTo>
                    <a:pt x="0" y="21050"/>
                  </a:moveTo>
                  <a:lnTo>
                    <a:pt x="105346" y="0"/>
                  </a:lnTo>
                </a:path>
              </a:pathLst>
            </a:custGeom>
            <a:ln w="6350" cap="rnd">
              <a:solidFill>
                <a:schemeClr val="tx1"/>
              </a:solidFill>
              <a:prstDash val="solid"/>
              <a:round/>
            </a:ln>
          </p:spPr>
          <p:txBody>
            <a:bodyPr rtlCol="0" anchor="ctr"/>
            <a:lstStyle/>
            <a:p>
              <a:endParaRPr lang="es-ES"/>
            </a:p>
          </p:txBody>
        </p:sp>
        <p:sp>
          <p:nvSpPr>
            <p:cNvPr id="113" name="Forma libre: forma 112">
              <a:extLst>
                <a:ext uri="{FF2B5EF4-FFF2-40B4-BE49-F238E27FC236}">
                  <a16:creationId xmlns:a16="http://schemas.microsoft.com/office/drawing/2014/main" id="{E9C08ED4-6B4D-E790-6ABE-50CE9A3AA6C5}"/>
                </a:ext>
              </a:extLst>
            </p:cNvPr>
            <p:cNvSpPr/>
            <p:nvPr/>
          </p:nvSpPr>
          <p:spPr>
            <a:xfrm>
              <a:off x="7348184" y="4714662"/>
              <a:ext cx="105346" cy="21050"/>
            </a:xfrm>
            <a:custGeom>
              <a:avLst/>
              <a:gdLst>
                <a:gd name="connsiteX0" fmla="*/ 0 w 105346"/>
                <a:gd name="connsiteY0" fmla="*/ 21050 h 21050"/>
                <a:gd name="connsiteX1" fmla="*/ 105346 w 105346"/>
                <a:gd name="connsiteY1" fmla="*/ 0 h 21050"/>
              </a:gdLst>
              <a:ahLst/>
              <a:cxnLst>
                <a:cxn ang="0">
                  <a:pos x="connsiteX0" y="connsiteY0"/>
                </a:cxn>
                <a:cxn ang="0">
                  <a:pos x="connsiteX1" y="connsiteY1"/>
                </a:cxn>
              </a:cxnLst>
              <a:rect l="l" t="t" r="r" b="b"/>
              <a:pathLst>
                <a:path w="105346" h="21050">
                  <a:moveTo>
                    <a:pt x="0" y="21050"/>
                  </a:moveTo>
                  <a:lnTo>
                    <a:pt x="105346" y="0"/>
                  </a:lnTo>
                </a:path>
              </a:pathLst>
            </a:custGeom>
            <a:ln w="6350" cap="rnd">
              <a:solidFill>
                <a:schemeClr val="tx1"/>
              </a:solidFill>
              <a:prstDash val="solid"/>
              <a:round/>
            </a:ln>
          </p:spPr>
          <p:txBody>
            <a:bodyPr rtlCol="0" anchor="ctr"/>
            <a:lstStyle/>
            <a:p>
              <a:endParaRPr lang="es-ES"/>
            </a:p>
          </p:txBody>
        </p:sp>
        <p:sp>
          <p:nvSpPr>
            <p:cNvPr id="114" name="Forma libre: forma 113">
              <a:extLst>
                <a:ext uri="{FF2B5EF4-FFF2-40B4-BE49-F238E27FC236}">
                  <a16:creationId xmlns:a16="http://schemas.microsoft.com/office/drawing/2014/main" id="{B79F772E-A262-F8EA-7E48-84C21BEF8CEC}"/>
                </a:ext>
              </a:extLst>
            </p:cNvPr>
            <p:cNvSpPr/>
            <p:nvPr/>
          </p:nvSpPr>
          <p:spPr>
            <a:xfrm>
              <a:off x="7374663" y="4776098"/>
              <a:ext cx="52578" cy="26289"/>
            </a:xfrm>
            <a:custGeom>
              <a:avLst/>
              <a:gdLst>
                <a:gd name="connsiteX0" fmla="*/ 52578 w 52578"/>
                <a:gd name="connsiteY0" fmla="*/ 0 h 26289"/>
                <a:gd name="connsiteX1" fmla="*/ 26289 w 52578"/>
                <a:gd name="connsiteY1" fmla="*/ 26289 h 26289"/>
                <a:gd name="connsiteX2" fmla="*/ 0 w 52578"/>
                <a:gd name="connsiteY2" fmla="*/ 0 h 26289"/>
              </a:gdLst>
              <a:ahLst/>
              <a:cxnLst>
                <a:cxn ang="0">
                  <a:pos x="connsiteX0" y="connsiteY0"/>
                </a:cxn>
                <a:cxn ang="0">
                  <a:pos x="connsiteX1" y="connsiteY1"/>
                </a:cxn>
                <a:cxn ang="0">
                  <a:pos x="connsiteX2" y="connsiteY2"/>
                </a:cxn>
              </a:cxnLst>
              <a:rect l="l" t="t" r="r" b="b"/>
              <a:pathLst>
                <a:path w="52578" h="26289">
                  <a:moveTo>
                    <a:pt x="52578" y="0"/>
                  </a:moveTo>
                  <a:cubicBezTo>
                    <a:pt x="52578" y="14573"/>
                    <a:pt x="40767" y="26289"/>
                    <a:pt x="26289" y="26289"/>
                  </a:cubicBezTo>
                  <a:cubicBezTo>
                    <a:pt x="11811" y="26289"/>
                    <a:pt x="0" y="14478"/>
                    <a:pt x="0" y="0"/>
                  </a:cubicBezTo>
                </a:path>
              </a:pathLst>
            </a:custGeom>
            <a:noFill/>
            <a:ln w="6350" cap="rnd">
              <a:solidFill>
                <a:schemeClr val="tx1"/>
              </a:solidFill>
              <a:prstDash val="solid"/>
              <a:round/>
            </a:ln>
          </p:spPr>
          <p:txBody>
            <a:bodyPr rtlCol="0" anchor="ctr"/>
            <a:lstStyle/>
            <a:p>
              <a:endParaRPr lang="es-ES"/>
            </a:p>
          </p:txBody>
        </p:sp>
        <p:grpSp>
          <p:nvGrpSpPr>
            <p:cNvPr id="115" name="Gráfico 8">
              <a:extLst>
                <a:ext uri="{FF2B5EF4-FFF2-40B4-BE49-F238E27FC236}">
                  <a16:creationId xmlns:a16="http://schemas.microsoft.com/office/drawing/2014/main" id="{87C8A8F5-C627-6781-6D09-50487509530C}"/>
                </a:ext>
              </a:extLst>
            </p:cNvPr>
            <p:cNvGrpSpPr/>
            <p:nvPr/>
          </p:nvGrpSpPr>
          <p:grpSpPr>
            <a:xfrm>
              <a:off x="7209404" y="4495968"/>
              <a:ext cx="59721" cy="135159"/>
              <a:chOff x="7209404" y="4495968"/>
              <a:chExt cx="59721" cy="135159"/>
            </a:xfrm>
          </p:grpSpPr>
          <p:sp>
            <p:nvSpPr>
              <p:cNvPr id="119" name="Forma libre: forma 118">
                <a:extLst>
                  <a:ext uri="{FF2B5EF4-FFF2-40B4-BE49-F238E27FC236}">
                    <a16:creationId xmlns:a16="http://schemas.microsoft.com/office/drawing/2014/main" id="{209D8C0E-124F-F752-8449-1D53835A824A}"/>
                  </a:ext>
                </a:extLst>
              </p:cNvPr>
              <p:cNvSpPr/>
              <p:nvPr/>
            </p:nvSpPr>
            <p:spPr>
              <a:xfrm>
                <a:off x="7224073" y="4495968"/>
                <a:ext cx="45053" cy="24574"/>
              </a:xfrm>
              <a:custGeom>
                <a:avLst/>
                <a:gdLst>
                  <a:gd name="connsiteX0" fmla="*/ 0 w 45053"/>
                  <a:gd name="connsiteY0" fmla="*/ 0 h 24574"/>
                  <a:gd name="connsiteX1" fmla="*/ 45053 w 45053"/>
                  <a:gd name="connsiteY1" fmla="*/ 24574 h 24574"/>
                </a:gdLst>
                <a:ahLst/>
                <a:cxnLst>
                  <a:cxn ang="0">
                    <a:pos x="connsiteX0" y="connsiteY0"/>
                  </a:cxn>
                  <a:cxn ang="0">
                    <a:pos x="connsiteX1" y="connsiteY1"/>
                  </a:cxn>
                </a:cxnLst>
                <a:rect l="l" t="t" r="r" b="b"/>
                <a:pathLst>
                  <a:path w="45053" h="24574">
                    <a:moveTo>
                      <a:pt x="0" y="0"/>
                    </a:moveTo>
                    <a:lnTo>
                      <a:pt x="45053" y="24574"/>
                    </a:lnTo>
                  </a:path>
                </a:pathLst>
              </a:custGeom>
              <a:ln w="6350" cap="rnd">
                <a:solidFill>
                  <a:schemeClr val="tx1"/>
                </a:solidFill>
                <a:prstDash val="solid"/>
                <a:round/>
              </a:ln>
            </p:spPr>
            <p:txBody>
              <a:bodyPr rtlCol="0" anchor="ctr"/>
              <a:lstStyle/>
              <a:p>
                <a:endParaRPr lang="es-ES"/>
              </a:p>
            </p:txBody>
          </p:sp>
          <p:sp>
            <p:nvSpPr>
              <p:cNvPr id="120" name="Forma libre: forma 119">
                <a:extLst>
                  <a:ext uri="{FF2B5EF4-FFF2-40B4-BE49-F238E27FC236}">
                    <a16:creationId xmlns:a16="http://schemas.microsoft.com/office/drawing/2014/main" id="{22C2417C-A97F-14EB-54CF-BCB3AD1E6B3D}"/>
                  </a:ext>
                </a:extLst>
              </p:cNvPr>
              <p:cNvSpPr/>
              <p:nvPr/>
            </p:nvSpPr>
            <p:spPr>
              <a:xfrm>
                <a:off x="7209404" y="4616745"/>
                <a:ext cx="49244" cy="14382"/>
              </a:xfrm>
              <a:custGeom>
                <a:avLst/>
                <a:gdLst>
                  <a:gd name="connsiteX0" fmla="*/ 0 w 49244"/>
                  <a:gd name="connsiteY0" fmla="*/ 14383 h 14382"/>
                  <a:gd name="connsiteX1" fmla="*/ 49244 w 49244"/>
                  <a:gd name="connsiteY1" fmla="*/ 0 h 14382"/>
                </a:gdLst>
                <a:ahLst/>
                <a:cxnLst>
                  <a:cxn ang="0">
                    <a:pos x="connsiteX0" y="connsiteY0"/>
                  </a:cxn>
                  <a:cxn ang="0">
                    <a:pos x="connsiteX1" y="connsiteY1"/>
                  </a:cxn>
                </a:cxnLst>
                <a:rect l="l" t="t" r="r" b="b"/>
                <a:pathLst>
                  <a:path w="49244" h="14382">
                    <a:moveTo>
                      <a:pt x="0" y="14383"/>
                    </a:moveTo>
                    <a:lnTo>
                      <a:pt x="49244" y="0"/>
                    </a:lnTo>
                  </a:path>
                </a:pathLst>
              </a:custGeom>
              <a:ln w="6350" cap="rnd">
                <a:solidFill>
                  <a:schemeClr val="tx1"/>
                </a:solidFill>
                <a:prstDash val="solid"/>
                <a:round/>
              </a:ln>
            </p:spPr>
            <p:txBody>
              <a:bodyPr rtlCol="0" anchor="ctr"/>
              <a:lstStyle/>
              <a:p>
                <a:endParaRPr lang="es-ES"/>
              </a:p>
            </p:txBody>
          </p:sp>
        </p:grpSp>
        <p:grpSp>
          <p:nvGrpSpPr>
            <p:cNvPr id="116" name="Gráfico 8">
              <a:extLst>
                <a:ext uri="{FF2B5EF4-FFF2-40B4-BE49-F238E27FC236}">
                  <a16:creationId xmlns:a16="http://schemas.microsoft.com/office/drawing/2014/main" id="{74F39EA1-CA3F-6B82-A376-EEDC2F4B907E}"/>
                </a:ext>
              </a:extLst>
            </p:cNvPr>
            <p:cNvGrpSpPr/>
            <p:nvPr/>
          </p:nvGrpSpPr>
          <p:grpSpPr>
            <a:xfrm>
              <a:off x="7532683" y="4495968"/>
              <a:ext cx="59626" cy="135159"/>
              <a:chOff x="7532683" y="4495968"/>
              <a:chExt cx="59626" cy="135159"/>
            </a:xfrm>
          </p:grpSpPr>
          <p:sp>
            <p:nvSpPr>
              <p:cNvPr id="117" name="Forma libre: forma 116">
                <a:extLst>
                  <a:ext uri="{FF2B5EF4-FFF2-40B4-BE49-F238E27FC236}">
                    <a16:creationId xmlns:a16="http://schemas.microsoft.com/office/drawing/2014/main" id="{3D5BCF45-3C49-C174-3E06-B516BDE8C1B4}"/>
                  </a:ext>
                </a:extLst>
              </p:cNvPr>
              <p:cNvSpPr/>
              <p:nvPr/>
            </p:nvSpPr>
            <p:spPr>
              <a:xfrm>
                <a:off x="7532683" y="4495968"/>
                <a:ext cx="44957" cy="24574"/>
              </a:xfrm>
              <a:custGeom>
                <a:avLst/>
                <a:gdLst>
                  <a:gd name="connsiteX0" fmla="*/ 44958 w 44957"/>
                  <a:gd name="connsiteY0" fmla="*/ 0 h 24574"/>
                  <a:gd name="connsiteX1" fmla="*/ 0 w 44957"/>
                  <a:gd name="connsiteY1" fmla="*/ 24574 h 24574"/>
                </a:gdLst>
                <a:ahLst/>
                <a:cxnLst>
                  <a:cxn ang="0">
                    <a:pos x="connsiteX0" y="connsiteY0"/>
                  </a:cxn>
                  <a:cxn ang="0">
                    <a:pos x="connsiteX1" y="connsiteY1"/>
                  </a:cxn>
                </a:cxnLst>
                <a:rect l="l" t="t" r="r" b="b"/>
                <a:pathLst>
                  <a:path w="44957" h="24574">
                    <a:moveTo>
                      <a:pt x="44958" y="0"/>
                    </a:moveTo>
                    <a:lnTo>
                      <a:pt x="0" y="24574"/>
                    </a:lnTo>
                  </a:path>
                </a:pathLst>
              </a:custGeom>
              <a:ln w="6350" cap="rnd">
                <a:solidFill>
                  <a:schemeClr val="tx1"/>
                </a:solidFill>
                <a:prstDash val="solid"/>
                <a:round/>
              </a:ln>
            </p:spPr>
            <p:txBody>
              <a:bodyPr rtlCol="0" anchor="ctr"/>
              <a:lstStyle/>
              <a:p>
                <a:endParaRPr lang="es-ES"/>
              </a:p>
            </p:txBody>
          </p:sp>
          <p:sp>
            <p:nvSpPr>
              <p:cNvPr id="118" name="Forma libre: forma 117">
                <a:extLst>
                  <a:ext uri="{FF2B5EF4-FFF2-40B4-BE49-F238E27FC236}">
                    <a16:creationId xmlns:a16="http://schemas.microsoft.com/office/drawing/2014/main" id="{1354DBB6-673F-7E91-4F9A-D9B9E8F65FC6}"/>
                  </a:ext>
                </a:extLst>
              </p:cNvPr>
              <p:cNvSpPr/>
              <p:nvPr/>
            </p:nvSpPr>
            <p:spPr>
              <a:xfrm>
                <a:off x="7543065" y="4616745"/>
                <a:ext cx="49244" cy="14382"/>
              </a:xfrm>
              <a:custGeom>
                <a:avLst/>
                <a:gdLst>
                  <a:gd name="connsiteX0" fmla="*/ 49244 w 49244"/>
                  <a:gd name="connsiteY0" fmla="*/ 14383 h 14382"/>
                  <a:gd name="connsiteX1" fmla="*/ 0 w 49244"/>
                  <a:gd name="connsiteY1" fmla="*/ 0 h 14382"/>
                </a:gdLst>
                <a:ahLst/>
                <a:cxnLst>
                  <a:cxn ang="0">
                    <a:pos x="connsiteX0" y="connsiteY0"/>
                  </a:cxn>
                  <a:cxn ang="0">
                    <a:pos x="connsiteX1" y="connsiteY1"/>
                  </a:cxn>
                </a:cxnLst>
                <a:rect l="l" t="t" r="r" b="b"/>
                <a:pathLst>
                  <a:path w="49244" h="14382">
                    <a:moveTo>
                      <a:pt x="49244" y="14383"/>
                    </a:moveTo>
                    <a:lnTo>
                      <a:pt x="0" y="0"/>
                    </a:lnTo>
                  </a:path>
                </a:pathLst>
              </a:custGeom>
              <a:ln w="6350" cap="rnd">
                <a:solidFill>
                  <a:schemeClr val="tx1"/>
                </a:solidFill>
                <a:prstDash val="solid"/>
                <a:round/>
              </a:ln>
            </p:spPr>
            <p:txBody>
              <a:bodyPr rtlCol="0" anchor="ctr"/>
              <a:lstStyle/>
              <a:p>
                <a:endParaRPr lang="es-ES"/>
              </a:p>
            </p:txBody>
          </p:sp>
        </p:grpSp>
      </p:grpSp>
    </p:spTree>
    <p:extLst>
      <p:ext uri="{BB962C8B-B14F-4D97-AF65-F5344CB8AC3E}">
        <p14:creationId xmlns:p14="http://schemas.microsoft.com/office/powerpoint/2010/main" val="249079521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99A113B-6EAC-7953-4A58-FF133D8B8822}"/>
            </a:ext>
          </a:extLst>
        </p:cNvPr>
        <p:cNvGrpSpPr/>
        <p:nvPr/>
      </p:nvGrpSpPr>
      <p:grpSpPr>
        <a:xfrm>
          <a:off x="0" y="0"/>
          <a:ext cx="0" cy="0"/>
          <a:chOff x="0" y="0"/>
          <a:chExt cx="0" cy="0"/>
        </a:xfrm>
      </p:grpSpPr>
      <p:sp>
        <p:nvSpPr>
          <p:cNvPr id="3" name="Title 1">
            <a:extLst>
              <a:ext uri="{FF2B5EF4-FFF2-40B4-BE49-F238E27FC236}">
                <a16:creationId xmlns:a16="http://schemas.microsoft.com/office/drawing/2014/main" id="{A7855070-AB75-3524-1AF7-94612ACBEEB3}"/>
              </a:ext>
            </a:extLst>
          </p:cNvPr>
          <p:cNvSpPr>
            <a:spLocks noGrp="1"/>
          </p:cNvSpPr>
          <p:nvPr>
            <p:ph type="title"/>
          </p:nvPr>
        </p:nvSpPr>
        <p:spPr>
          <a:xfrm>
            <a:off x="658811" y="657225"/>
            <a:ext cx="10127176" cy="532800"/>
          </a:xfrm>
        </p:spPr>
        <p:txBody>
          <a:bodyPr/>
          <a:lstStyle/>
          <a:p>
            <a:r>
              <a:rPr lang="en-US" dirty="0">
                <a:solidFill>
                  <a:schemeClr val="tx1"/>
                </a:solidFill>
              </a:rPr>
              <a:t>Selection of adaptation measures using CBA</a:t>
            </a:r>
            <a:endParaRPr lang="en-GB" dirty="0">
              <a:solidFill>
                <a:schemeClr val="tx1"/>
              </a:solidFill>
            </a:endParaRPr>
          </a:p>
        </p:txBody>
      </p:sp>
      <p:grpSp>
        <p:nvGrpSpPr>
          <p:cNvPr id="2" name="Group 1">
            <a:extLst>
              <a:ext uri="{FF2B5EF4-FFF2-40B4-BE49-F238E27FC236}">
                <a16:creationId xmlns:a16="http://schemas.microsoft.com/office/drawing/2014/main" id="{4FD514F3-C2E6-D9A7-EEBC-1207D7C6791A}"/>
              </a:ext>
            </a:extLst>
          </p:cNvPr>
          <p:cNvGrpSpPr/>
          <p:nvPr/>
        </p:nvGrpSpPr>
        <p:grpSpPr>
          <a:xfrm>
            <a:off x="398124" y="2292863"/>
            <a:ext cx="3112642" cy="2493553"/>
            <a:chOff x="398124" y="2292863"/>
            <a:chExt cx="3112642" cy="2493553"/>
          </a:xfrm>
        </p:grpSpPr>
        <p:pic>
          <p:nvPicPr>
            <p:cNvPr id="17" name="Picture 16">
              <a:extLst>
                <a:ext uri="{FF2B5EF4-FFF2-40B4-BE49-F238E27FC236}">
                  <a16:creationId xmlns:a16="http://schemas.microsoft.com/office/drawing/2014/main" id="{1873A297-2020-A2CD-FF90-F428B904C72D}"/>
                </a:ext>
              </a:extLst>
            </p:cNvPr>
            <p:cNvPicPr>
              <a:picLocks noChangeAspect="1"/>
            </p:cNvPicPr>
            <p:nvPr/>
          </p:nvPicPr>
          <p:blipFill>
            <a:blip r:embed="rId2"/>
            <a:stretch>
              <a:fillRect/>
            </a:stretch>
          </p:blipFill>
          <p:spPr>
            <a:xfrm>
              <a:off x="398124" y="2292863"/>
              <a:ext cx="3112642" cy="2493553"/>
            </a:xfrm>
            <a:prstGeom prst="rect">
              <a:avLst/>
            </a:prstGeom>
          </p:spPr>
        </p:pic>
        <p:sp>
          <p:nvSpPr>
            <p:cNvPr id="18" name="Freeform: Shape 17">
              <a:extLst>
                <a:ext uri="{FF2B5EF4-FFF2-40B4-BE49-F238E27FC236}">
                  <a16:creationId xmlns:a16="http://schemas.microsoft.com/office/drawing/2014/main" id="{1AC336A9-D29A-30E4-68BB-AE8C776A014D}"/>
                </a:ext>
              </a:extLst>
            </p:cNvPr>
            <p:cNvSpPr/>
            <p:nvPr/>
          </p:nvSpPr>
          <p:spPr>
            <a:xfrm>
              <a:off x="762081" y="2533759"/>
              <a:ext cx="1901866" cy="1982266"/>
            </a:xfrm>
            <a:custGeom>
              <a:avLst/>
              <a:gdLst>
                <a:gd name="connsiteX0" fmla="*/ 3175 w 1565275"/>
                <a:gd name="connsiteY0" fmla="*/ 0 h 1593850"/>
                <a:gd name="connsiteX1" fmla="*/ 361950 w 1565275"/>
                <a:gd name="connsiteY1" fmla="*/ 3175 h 1593850"/>
                <a:gd name="connsiteX2" fmla="*/ 492125 w 1565275"/>
                <a:gd name="connsiteY2" fmla="*/ 238125 h 1593850"/>
                <a:gd name="connsiteX3" fmla="*/ 666750 w 1565275"/>
                <a:gd name="connsiteY3" fmla="*/ 409575 h 1593850"/>
                <a:gd name="connsiteX4" fmla="*/ 796925 w 1565275"/>
                <a:gd name="connsiteY4" fmla="*/ 593725 h 1593850"/>
                <a:gd name="connsiteX5" fmla="*/ 1200150 w 1565275"/>
                <a:gd name="connsiteY5" fmla="*/ 825500 h 1593850"/>
                <a:gd name="connsiteX6" fmla="*/ 1562100 w 1565275"/>
                <a:gd name="connsiteY6" fmla="*/ 1003300 h 1593850"/>
                <a:gd name="connsiteX7" fmla="*/ 1565275 w 1565275"/>
                <a:gd name="connsiteY7" fmla="*/ 1593850 h 1593850"/>
                <a:gd name="connsiteX8" fmla="*/ 0 w 1565275"/>
                <a:gd name="connsiteY8" fmla="*/ 1593850 h 1593850"/>
                <a:gd name="connsiteX9" fmla="*/ 3175 w 1565275"/>
                <a:gd name="connsiteY9" fmla="*/ 0 h 1593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565275" h="1593850">
                  <a:moveTo>
                    <a:pt x="3175" y="0"/>
                  </a:moveTo>
                  <a:lnTo>
                    <a:pt x="361950" y="3175"/>
                  </a:lnTo>
                  <a:lnTo>
                    <a:pt x="492125" y="238125"/>
                  </a:lnTo>
                  <a:lnTo>
                    <a:pt x="666750" y="409575"/>
                  </a:lnTo>
                  <a:lnTo>
                    <a:pt x="796925" y="593725"/>
                  </a:lnTo>
                  <a:lnTo>
                    <a:pt x="1200150" y="825500"/>
                  </a:lnTo>
                  <a:lnTo>
                    <a:pt x="1562100" y="1003300"/>
                  </a:lnTo>
                  <a:cubicBezTo>
                    <a:pt x="1563158" y="1200150"/>
                    <a:pt x="1564217" y="1397000"/>
                    <a:pt x="1565275" y="1593850"/>
                  </a:cubicBezTo>
                  <a:lnTo>
                    <a:pt x="0" y="1593850"/>
                  </a:lnTo>
                  <a:cubicBezTo>
                    <a:pt x="1058" y="1062567"/>
                    <a:pt x="2117" y="531283"/>
                    <a:pt x="3175" y="0"/>
                  </a:cubicBezTo>
                  <a:close/>
                </a:path>
              </a:pathLst>
            </a:custGeom>
            <a:solidFill>
              <a:schemeClr val="accent1">
                <a:lumMod val="20000"/>
                <a:lumOff val="80000"/>
                <a:alpha val="39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sz="2000"/>
            </a:p>
          </p:txBody>
        </p:sp>
        <p:sp>
          <p:nvSpPr>
            <p:cNvPr id="19" name="TextBox 18">
              <a:extLst>
                <a:ext uri="{FF2B5EF4-FFF2-40B4-BE49-F238E27FC236}">
                  <a16:creationId xmlns:a16="http://schemas.microsoft.com/office/drawing/2014/main" id="{C00D8623-6E72-E4C8-BFBC-5A7BCAFD3793}"/>
                </a:ext>
              </a:extLst>
            </p:cNvPr>
            <p:cNvSpPr txBox="1"/>
            <p:nvPr/>
          </p:nvSpPr>
          <p:spPr>
            <a:xfrm>
              <a:off x="1022846" y="3687254"/>
              <a:ext cx="1259606" cy="369332"/>
            </a:xfrm>
            <a:prstGeom prst="rect">
              <a:avLst/>
            </a:prstGeom>
            <a:noFill/>
          </p:spPr>
          <p:txBody>
            <a:bodyPr wrap="square" lIns="0" tIns="0" rIns="0" bIns="0" rtlCol="0">
              <a:spAutoFit/>
            </a:bodyPr>
            <a:lstStyle/>
            <a:p>
              <a:pPr algn="l"/>
              <a:r>
                <a:rPr lang="en-US" sz="1200" b="1">
                  <a:latin typeface="Arial" panose="020B0604020202020204" pitchFamily="34" charset="0"/>
                  <a:cs typeface="Arial" panose="020B0604020202020204" pitchFamily="34" charset="0"/>
                </a:rPr>
                <a:t>Expected Annual Loss</a:t>
              </a:r>
              <a:endParaRPr lang="en-NL" sz="1200" b="1">
                <a:latin typeface="Arial" panose="020B0604020202020204" pitchFamily="34" charset="0"/>
                <a:cs typeface="Arial" panose="020B0604020202020204" pitchFamily="34" charset="0"/>
              </a:endParaRPr>
            </a:p>
          </p:txBody>
        </p:sp>
      </p:grpSp>
      <p:pic>
        <p:nvPicPr>
          <p:cNvPr id="20" name="Picture 19" descr="490+ Round Table Icon Stock Illustrations, Royalty-Free ...">
            <a:extLst>
              <a:ext uri="{FF2B5EF4-FFF2-40B4-BE49-F238E27FC236}">
                <a16:creationId xmlns:a16="http://schemas.microsoft.com/office/drawing/2014/main" id="{6A196355-9CFD-80D3-E6AD-15B185F4F8C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181104" y="2471387"/>
            <a:ext cx="2136503" cy="2136503"/>
          </a:xfrm>
          <a:prstGeom prst="ellipse">
            <a:avLst/>
          </a:prstGeom>
          <a:noFill/>
          <a:ln w="6350">
            <a:solidFill>
              <a:srgbClr val="000000"/>
            </a:solidFill>
          </a:ln>
          <a:extLst>
            <a:ext uri="{909E8E84-426E-40DD-AFC4-6F175D3DCCD1}">
              <a14:hiddenFill xmlns:a14="http://schemas.microsoft.com/office/drawing/2010/main">
                <a:solidFill>
                  <a:srgbClr val="FFFFFF"/>
                </a:solidFill>
              </a14:hiddenFill>
            </a:ext>
          </a:extLst>
        </p:spPr>
      </p:pic>
      <p:sp>
        <p:nvSpPr>
          <p:cNvPr id="22" name="Arrow: Right 21">
            <a:extLst>
              <a:ext uri="{FF2B5EF4-FFF2-40B4-BE49-F238E27FC236}">
                <a16:creationId xmlns:a16="http://schemas.microsoft.com/office/drawing/2014/main" id="{1579144C-7880-F1D0-C2F0-211CC12529DC}"/>
              </a:ext>
            </a:extLst>
          </p:cNvPr>
          <p:cNvSpPr/>
          <p:nvPr/>
        </p:nvSpPr>
        <p:spPr>
          <a:xfrm>
            <a:off x="3160562" y="2986080"/>
            <a:ext cx="922452" cy="885840"/>
          </a:xfrm>
          <a:prstGeom prst="rightArrow">
            <a:avLst/>
          </a:prstGeom>
          <a:solidFill>
            <a:schemeClr val="tx2"/>
          </a:solidFill>
          <a:ln>
            <a:solidFill>
              <a:srgbClr val="00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it-IT"/>
          </a:p>
        </p:txBody>
      </p:sp>
      <p:sp>
        <p:nvSpPr>
          <p:cNvPr id="30" name="TextBox 29">
            <a:extLst>
              <a:ext uri="{FF2B5EF4-FFF2-40B4-BE49-F238E27FC236}">
                <a16:creationId xmlns:a16="http://schemas.microsoft.com/office/drawing/2014/main" id="{23676C91-2252-8BB9-EB1C-0F8C7D100730}"/>
              </a:ext>
            </a:extLst>
          </p:cNvPr>
          <p:cNvSpPr txBox="1"/>
          <p:nvPr/>
        </p:nvSpPr>
        <p:spPr>
          <a:xfrm>
            <a:off x="761286" y="1540526"/>
            <a:ext cx="2558457" cy="492443"/>
          </a:xfrm>
          <a:prstGeom prst="rect">
            <a:avLst/>
          </a:prstGeom>
          <a:noFill/>
        </p:spPr>
        <p:txBody>
          <a:bodyPr wrap="square" lIns="0" tIns="0" rIns="0" bIns="0" rtlCol="0">
            <a:spAutoFit/>
          </a:bodyPr>
          <a:lstStyle/>
          <a:p>
            <a:pPr algn="ctr"/>
            <a:r>
              <a:rPr lang="it-IT" sz="1600" err="1"/>
              <a:t>Calculate</a:t>
            </a:r>
            <a:r>
              <a:rPr lang="it-IT" sz="1600"/>
              <a:t> </a:t>
            </a:r>
            <a:r>
              <a:rPr lang="it-IT" sz="1600" b="1"/>
              <a:t>risk</a:t>
            </a:r>
            <a:r>
              <a:rPr lang="it-IT" sz="1600"/>
              <a:t> </a:t>
            </a:r>
            <a:r>
              <a:rPr lang="it-IT" sz="1600" err="1"/>
              <a:t>considering</a:t>
            </a:r>
            <a:r>
              <a:rPr lang="it-IT" sz="1600"/>
              <a:t> the </a:t>
            </a:r>
            <a:r>
              <a:rPr lang="it-IT" sz="1600" err="1"/>
              <a:t>as-built</a:t>
            </a:r>
            <a:r>
              <a:rPr lang="it-IT" sz="1600"/>
              <a:t> </a:t>
            </a:r>
            <a:r>
              <a:rPr lang="it-IT" sz="1600" err="1"/>
              <a:t>assumption</a:t>
            </a:r>
            <a:endParaRPr lang="it-IT" sz="1600"/>
          </a:p>
        </p:txBody>
      </p:sp>
      <p:sp>
        <p:nvSpPr>
          <p:cNvPr id="31" name="TextBox 30">
            <a:extLst>
              <a:ext uri="{FF2B5EF4-FFF2-40B4-BE49-F238E27FC236}">
                <a16:creationId xmlns:a16="http://schemas.microsoft.com/office/drawing/2014/main" id="{36DC96AB-B085-5EAF-1148-ADE5E2F332D9}"/>
              </a:ext>
            </a:extLst>
          </p:cNvPr>
          <p:cNvSpPr txBox="1"/>
          <p:nvPr/>
        </p:nvSpPr>
        <p:spPr>
          <a:xfrm>
            <a:off x="7768761" y="3226257"/>
            <a:ext cx="1380465" cy="492443"/>
          </a:xfrm>
          <a:prstGeom prst="rect">
            <a:avLst/>
          </a:prstGeom>
          <a:noFill/>
        </p:spPr>
        <p:txBody>
          <a:bodyPr wrap="square" lIns="0" tIns="0" rIns="0" bIns="0" rtlCol="0">
            <a:spAutoFit/>
          </a:bodyPr>
          <a:lstStyle/>
          <a:p>
            <a:pPr algn="ctr"/>
            <a:r>
              <a:rPr lang="it-IT" sz="1600"/>
              <a:t>Adaptation </a:t>
            </a:r>
            <a:r>
              <a:rPr lang="it-IT" sz="1600" err="1"/>
              <a:t>measure</a:t>
            </a:r>
            <a:r>
              <a:rPr lang="it-IT" sz="1600"/>
              <a:t> #1</a:t>
            </a:r>
          </a:p>
        </p:txBody>
      </p:sp>
      <p:pic>
        <p:nvPicPr>
          <p:cNvPr id="2050" name="Picture 2" descr="cost and benefit Icon - Free PNG &amp; SVG 4664704 - Noun Project">
            <a:extLst>
              <a:ext uri="{FF2B5EF4-FFF2-40B4-BE49-F238E27FC236}">
                <a16:creationId xmlns:a16="http://schemas.microsoft.com/office/drawing/2014/main" id="{1134BEE2-074F-3B34-767C-8DAD84B02F9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208486" y="5160713"/>
            <a:ext cx="1646656" cy="1646656"/>
          </a:xfrm>
          <a:prstGeom prst="rect">
            <a:avLst/>
          </a:prstGeom>
          <a:noFill/>
          <a:extLst>
            <a:ext uri="{909E8E84-426E-40DD-AFC4-6F175D3DCCD1}">
              <a14:hiddenFill xmlns:a14="http://schemas.microsoft.com/office/drawing/2010/main">
                <a:solidFill>
                  <a:srgbClr val="FFFFFF"/>
                </a:solidFill>
              </a14:hiddenFill>
            </a:ext>
          </a:extLst>
        </p:spPr>
      </p:pic>
      <p:pic>
        <p:nvPicPr>
          <p:cNvPr id="40" name="Picture 39">
            <a:extLst>
              <a:ext uri="{FF2B5EF4-FFF2-40B4-BE49-F238E27FC236}">
                <a16:creationId xmlns:a16="http://schemas.microsoft.com/office/drawing/2014/main" id="{98AB5B8F-E49D-9374-13BB-20424446306F}"/>
              </a:ext>
            </a:extLst>
          </p:cNvPr>
          <p:cNvPicPr>
            <a:picLocks noChangeAspect="1"/>
          </p:cNvPicPr>
          <p:nvPr/>
        </p:nvPicPr>
        <p:blipFill>
          <a:blip r:embed="rId5"/>
          <a:srcRect t="1" r="85648" b="9783"/>
          <a:stretch/>
        </p:blipFill>
        <p:spPr>
          <a:xfrm>
            <a:off x="2040515" y="2413653"/>
            <a:ext cx="1145706" cy="573431"/>
          </a:xfrm>
          <a:prstGeom prst="rect">
            <a:avLst/>
          </a:prstGeom>
        </p:spPr>
      </p:pic>
      <p:pic>
        <p:nvPicPr>
          <p:cNvPr id="41" name="Picture 40">
            <a:extLst>
              <a:ext uri="{FF2B5EF4-FFF2-40B4-BE49-F238E27FC236}">
                <a16:creationId xmlns:a16="http://schemas.microsoft.com/office/drawing/2014/main" id="{54355CA2-5CB6-CF61-BFD9-98CF68BBBB84}"/>
              </a:ext>
            </a:extLst>
          </p:cNvPr>
          <p:cNvPicPr>
            <a:picLocks noChangeAspect="1"/>
          </p:cNvPicPr>
          <p:nvPr/>
        </p:nvPicPr>
        <p:blipFill>
          <a:blip r:embed="rId5"/>
          <a:srcRect l="72265" t="1" r="13990" b="9783"/>
          <a:stretch/>
        </p:blipFill>
        <p:spPr>
          <a:xfrm>
            <a:off x="10649015" y="2389688"/>
            <a:ext cx="1298001" cy="650994"/>
          </a:xfrm>
          <a:prstGeom prst="rect">
            <a:avLst/>
          </a:prstGeom>
        </p:spPr>
      </p:pic>
      <p:pic>
        <p:nvPicPr>
          <p:cNvPr id="42" name="Picture 41">
            <a:extLst>
              <a:ext uri="{FF2B5EF4-FFF2-40B4-BE49-F238E27FC236}">
                <a16:creationId xmlns:a16="http://schemas.microsoft.com/office/drawing/2014/main" id="{B36C5360-46DD-BB8E-66CC-3810DD6B63DC}"/>
              </a:ext>
            </a:extLst>
          </p:cNvPr>
          <p:cNvPicPr>
            <a:picLocks noChangeAspect="1"/>
          </p:cNvPicPr>
          <p:nvPr/>
        </p:nvPicPr>
        <p:blipFill>
          <a:blip r:embed="rId5"/>
          <a:srcRect l="29323" t="-1" r="56855" b="4229"/>
          <a:stretch/>
        </p:blipFill>
        <p:spPr>
          <a:xfrm>
            <a:off x="7763236" y="2319563"/>
            <a:ext cx="1380464" cy="761610"/>
          </a:xfrm>
          <a:prstGeom prst="rect">
            <a:avLst/>
          </a:prstGeom>
        </p:spPr>
      </p:pic>
      <p:pic>
        <p:nvPicPr>
          <p:cNvPr id="43" name="Picture 42">
            <a:extLst>
              <a:ext uri="{FF2B5EF4-FFF2-40B4-BE49-F238E27FC236}">
                <a16:creationId xmlns:a16="http://schemas.microsoft.com/office/drawing/2014/main" id="{29C068FB-C362-1388-2A1D-40D436E66576}"/>
              </a:ext>
            </a:extLst>
          </p:cNvPr>
          <p:cNvPicPr>
            <a:picLocks noChangeAspect="1"/>
          </p:cNvPicPr>
          <p:nvPr/>
        </p:nvPicPr>
        <p:blipFill>
          <a:blip r:embed="rId5"/>
          <a:srcRect l="42060" t="-1" r="42244" b="4229"/>
          <a:stretch/>
        </p:blipFill>
        <p:spPr>
          <a:xfrm>
            <a:off x="9099096" y="2349328"/>
            <a:ext cx="1427934" cy="693717"/>
          </a:xfrm>
          <a:prstGeom prst="rect">
            <a:avLst/>
          </a:prstGeom>
        </p:spPr>
      </p:pic>
      <p:sp>
        <p:nvSpPr>
          <p:cNvPr id="45" name="TextBox 44">
            <a:extLst>
              <a:ext uri="{FF2B5EF4-FFF2-40B4-BE49-F238E27FC236}">
                <a16:creationId xmlns:a16="http://schemas.microsoft.com/office/drawing/2014/main" id="{1E8AF1B0-4EAC-B01C-89A4-44C6BC43E0E8}"/>
              </a:ext>
            </a:extLst>
          </p:cNvPr>
          <p:cNvSpPr txBox="1"/>
          <p:nvPr/>
        </p:nvSpPr>
        <p:spPr>
          <a:xfrm>
            <a:off x="4083014" y="1569304"/>
            <a:ext cx="2558457" cy="492443"/>
          </a:xfrm>
          <a:prstGeom prst="rect">
            <a:avLst/>
          </a:prstGeom>
          <a:noFill/>
        </p:spPr>
        <p:txBody>
          <a:bodyPr wrap="square" lIns="0" tIns="0" rIns="0" bIns="0" rtlCol="0">
            <a:spAutoFit/>
          </a:bodyPr>
          <a:lstStyle/>
          <a:p>
            <a:pPr algn="ctr"/>
            <a:r>
              <a:rPr lang="it-IT" sz="1600"/>
              <a:t>List </a:t>
            </a:r>
            <a:r>
              <a:rPr lang="it-IT" sz="1600" err="1"/>
              <a:t>possible</a:t>
            </a:r>
            <a:r>
              <a:rPr lang="it-IT" sz="1600"/>
              <a:t> </a:t>
            </a:r>
            <a:r>
              <a:rPr lang="it-IT" sz="1600" b="1" err="1"/>
              <a:t>adaptation</a:t>
            </a:r>
            <a:r>
              <a:rPr lang="it-IT" sz="1600"/>
              <a:t> </a:t>
            </a:r>
            <a:r>
              <a:rPr lang="it-IT" sz="1600" err="1"/>
              <a:t>measures</a:t>
            </a:r>
            <a:endParaRPr lang="it-IT" sz="1600"/>
          </a:p>
        </p:txBody>
      </p:sp>
      <p:sp>
        <p:nvSpPr>
          <p:cNvPr id="46" name="Arrow: Right 45">
            <a:extLst>
              <a:ext uri="{FF2B5EF4-FFF2-40B4-BE49-F238E27FC236}">
                <a16:creationId xmlns:a16="http://schemas.microsoft.com/office/drawing/2014/main" id="{6E9F3313-A8B2-4F0A-2521-00D3B52D73F0}"/>
              </a:ext>
            </a:extLst>
          </p:cNvPr>
          <p:cNvSpPr/>
          <p:nvPr/>
        </p:nvSpPr>
        <p:spPr>
          <a:xfrm>
            <a:off x="6476665" y="2986080"/>
            <a:ext cx="1117116" cy="885840"/>
          </a:xfrm>
          <a:prstGeom prst="rightArrow">
            <a:avLst/>
          </a:prstGeom>
          <a:solidFill>
            <a:schemeClr val="tx2"/>
          </a:solidFill>
          <a:ln>
            <a:solidFill>
              <a:srgbClr val="00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it-IT"/>
          </a:p>
        </p:txBody>
      </p:sp>
      <p:sp>
        <p:nvSpPr>
          <p:cNvPr id="47" name="TextBox 46">
            <a:extLst>
              <a:ext uri="{FF2B5EF4-FFF2-40B4-BE49-F238E27FC236}">
                <a16:creationId xmlns:a16="http://schemas.microsoft.com/office/drawing/2014/main" id="{1B692766-E016-14A0-A9EF-89DFF63A53CA}"/>
              </a:ext>
            </a:extLst>
          </p:cNvPr>
          <p:cNvSpPr txBox="1"/>
          <p:nvPr/>
        </p:nvSpPr>
        <p:spPr>
          <a:xfrm>
            <a:off x="7507825" y="1569305"/>
            <a:ext cx="4439191" cy="738664"/>
          </a:xfrm>
          <a:prstGeom prst="rect">
            <a:avLst/>
          </a:prstGeom>
          <a:noFill/>
        </p:spPr>
        <p:txBody>
          <a:bodyPr wrap="square" lIns="0" tIns="0" rIns="0" bIns="0" rtlCol="0">
            <a:spAutoFit/>
          </a:bodyPr>
          <a:lstStyle/>
          <a:p>
            <a:pPr algn="ctr"/>
            <a:r>
              <a:rPr lang="it-IT" sz="1600" err="1"/>
              <a:t>Reassess</a:t>
            </a:r>
            <a:r>
              <a:rPr lang="it-IT" sz="1600"/>
              <a:t> the risk </a:t>
            </a:r>
            <a:r>
              <a:rPr lang="it-IT" sz="1600" err="1"/>
              <a:t>considering</a:t>
            </a:r>
            <a:r>
              <a:rPr lang="it-IT" sz="1600"/>
              <a:t> the </a:t>
            </a:r>
            <a:r>
              <a:rPr lang="it-IT" sz="1600" err="1"/>
              <a:t>implementation</a:t>
            </a:r>
            <a:r>
              <a:rPr lang="it-IT" sz="1600"/>
              <a:t> of the  </a:t>
            </a:r>
            <a:r>
              <a:rPr lang="it-IT" sz="1600" err="1"/>
              <a:t>adaptation</a:t>
            </a:r>
            <a:r>
              <a:rPr lang="it-IT" sz="1600"/>
              <a:t> </a:t>
            </a:r>
            <a:r>
              <a:rPr lang="it-IT" sz="1600" err="1"/>
              <a:t>measure</a:t>
            </a:r>
            <a:r>
              <a:rPr lang="it-IT" sz="1600"/>
              <a:t> to </a:t>
            </a:r>
            <a:r>
              <a:rPr lang="it-IT" sz="1600" err="1"/>
              <a:t>understand</a:t>
            </a:r>
            <a:r>
              <a:rPr lang="it-IT" sz="1600"/>
              <a:t> </a:t>
            </a:r>
            <a:r>
              <a:rPr lang="it-IT" sz="1600" b="1"/>
              <a:t>the risk </a:t>
            </a:r>
            <a:r>
              <a:rPr lang="it-IT" sz="1600" b="1" err="1"/>
              <a:t>reduction</a:t>
            </a:r>
            <a:r>
              <a:rPr lang="it-IT" sz="1600"/>
              <a:t> </a:t>
            </a:r>
            <a:r>
              <a:rPr lang="it-IT" sz="1600" err="1"/>
              <a:t>associated</a:t>
            </a:r>
            <a:r>
              <a:rPr lang="it-IT" sz="1600"/>
              <a:t> to </a:t>
            </a:r>
            <a:r>
              <a:rPr lang="it-IT" sz="1600" err="1"/>
              <a:t>each</a:t>
            </a:r>
            <a:r>
              <a:rPr lang="it-IT" sz="1600"/>
              <a:t> </a:t>
            </a:r>
            <a:r>
              <a:rPr lang="it-IT" sz="1600" err="1"/>
              <a:t>adaptation</a:t>
            </a:r>
            <a:r>
              <a:rPr lang="it-IT" sz="1600"/>
              <a:t> </a:t>
            </a:r>
            <a:r>
              <a:rPr lang="it-IT" sz="1600" err="1"/>
              <a:t>measure</a:t>
            </a:r>
            <a:endParaRPr lang="it-IT" sz="1600"/>
          </a:p>
        </p:txBody>
      </p:sp>
      <p:sp>
        <p:nvSpPr>
          <p:cNvPr id="48" name="TextBox 47">
            <a:extLst>
              <a:ext uri="{FF2B5EF4-FFF2-40B4-BE49-F238E27FC236}">
                <a16:creationId xmlns:a16="http://schemas.microsoft.com/office/drawing/2014/main" id="{5E899BF8-9E76-FA85-50CB-6AB0EF72C74C}"/>
              </a:ext>
            </a:extLst>
          </p:cNvPr>
          <p:cNvSpPr txBox="1"/>
          <p:nvPr/>
        </p:nvSpPr>
        <p:spPr>
          <a:xfrm>
            <a:off x="9225934" y="3202089"/>
            <a:ext cx="1427935" cy="492443"/>
          </a:xfrm>
          <a:prstGeom prst="rect">
            <a:avLst/>
          </a:prstGeom>
          <a:noFill/>
        </p:spPr>
        <p:txBody>
          <a:bodyPr wrap="square" lIns="0" tIns="0" rIns="0" bIns="0" rtlCol="0">
            <a:spAutoFit/>
          </a:bodyPr>
          <a:lstStyle/>
          <a:p>
            <a:pPr algn="ctr"/>
            <a:r>
              <a:rPr lang="it-IT" sz="1600"/>
              <a:t>Adaptation </a:t>
            </a:r>
            <a:r>
              <a:rPr lang="it-IT" sz="1600" err="1"/>
              <a:t>measure</a:t>
            </a:r>
            <a:r>
              <a:rPr lang="it-IT" sz="1600"/>
              <a:t> #2</a:t>
            </a:r>
          </a:p>
        </p:txBody>
      </p:sp>
      <p:sp>
        <p:nvSpPr>
          <p:cNvPr id="49" name="TextBox 48">
            <a:extLst>
              <a:ext uri="{FF2B5EF4-FFF2-40B4-BE49-F238E27FC236}">
                <a16:creationId xmlns:a16="http://schemas.microsoft.com/office/drawing/2014/main" id="{6FD35437-20F8-2C33-A9FA-CFB4A660E6E5}"/>
              </a:ext>
            </a:extLst>
          </p:cNvPr>
          <p:cNvSpPr txBox="1"/>
          <p:nvPr/>
        </p:nvSpPr>
        <p:spPr>
          <a:xfrm>
            <a:off x="10584047" y="3199726"/>
            <a:ext cx="1427935" cy="492443"/>
          </a:xfrm>
          <a:prstGeom prst="rect">
            <a:avLst/>
          </a:prstGeom>
          <a:noFill/>
        </p:spPr>
        <p:txBody>
          <a:bodyPr wrap="square" lIns="0" tIns="0" rIns="0" bIns="0" rtlCol="0">
            <a:spAutoFit/>
          </a:bodyPr>
          <a:lstStyle/>
          <a:p>
            <a:pPr algn="ctr"/>
            <a:r>
              <a:rPr lang="it-IT" sz="1600"/>
              <a:t>Adaptation </a:t>
            </a:r>
            <a:r>
              <a:rPr lang="it-IT" sz="1600" err="1"/>
              <a:t>measure</a:t>
            </a:r>
            <a:r>
              <a:rPr lang="it-IT" sz="1600"/>
              <a:t> #3</a:t>
            </a:r>
          </a:p>
        </p:txBody>
      </p:sp>
      <p:sp>
        <p:nvSpPr>
          <p:cNvPr id="52" name="Arrow: Right 51">
            <a:extLst>
              <a:ext uri="{FF2B5EF4-FFF2-40B4-BE49-F238E27FC236}">
                <a16:creationId xmlns:a16="http://schemas.microsoft.com/office/drawing/2014/main" id="{D81756A1-353E-E3E8-D10D-B0CAE1C558EC}"/>
              </a:ext>
            </a:extLst>
          </p:cNvPr>
          <p:cNvSpPr/>
          <p:nvPr/>
        </p:nvSpPr>
        <p:spPr>
          <a:xfrm rot="5400000">
            <a:off x="9478675" y="4023318"/>
            <a:ext cx="922452" cy="885840"/>
          </a:xfrm>
          <a:prstGeom prst="rightArrow">
            <a:avLst/>
          </a:prstGeom>
          <a:solidFill>
            <a:schemeClr val="tx2"/>
          </a:solidFill>
          <a:ln>
            <a:solidFill>
              <a:srgbClr val="00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it-IT"/>
          </a:p>
        </p:txBody>
      </p:sp>
      <p:sp>
        <p:nvSpPr>
          <p:cNvPr id="53" name="TextBox 52">
            <a:extLst>
              <a:ext uri="{FF2B5EF4-FFF2-40B4-BE49-F238E27FC236}">
                <a16:creationId xmlns:a16="http://schemas.microsoft.com/office/drawing/2014/main" id="{873F2E4D-56EE-0FC4-C8C4-C1027EE8FE1E}"/>
              </a:ext>
            </a:extLst>
          </p:cNvPr>
          <p:cNvSpPr txBox="1"/>
          <p:nvPr/>
        </p:nvSpPr>
        <p:spPr>
          <a:xfrm>
            <a:off x="5712823" y="5667975"/>
            <a:ext cx="3103555" cy="738664"/>
          </a:xfrm>
          <a:prstGeom prst="rect">
            <a:avLst/>
          </a:prstGeom>
          <a:noFill/>
        </p:spPr>
        <p:txBody>
          <a:bodyPr wrap="square" lIns="0" tIns="0" rIns="0" bIns="0" rtlCol="0">
            <a:spAutoFit/>
          </a:bodyPr>
          <a:lstStyle/>
          <a:p>
            <a:pPr algn="ctr"/>
            <a:r>
              <a:rPr lang="it-IT" sz="1600" err="1"/>
              <a:t>Perform</a:t>
            </a:r>
            <a:r>
              <a:rPr lang="it-IT" sz="1600"/>
              <a:t> a </a:t>
            </a:r>
            <a:r>
              <a:rPr lang="it-IT" sz="1600" b="1"/>
              <a:t>cost-benefit </a:t>
            </a:r>
            <a:r>
              <a:rPr lang="it-IT" sz="1600" b="1" err="1"/>
              <a:t>analysis</a:t>
            </a:r>
            <a:r>
              <a:rPr lang="it-IT" sz="1600" b="1"/>
              <a:t> </a:t>
            </a:r>
            <a:r>
              <a:rPr lang="it-IT" sz="1600"/>
              <a:t>to </a:t>
            </a:r>
            <a:r>
              <a:rPr lang="it-IT" sz="1600" err="1"/>
              <a:t>understand</a:t>
            </a:r>
            <a:r>
              <a:rPr lang="it-IT" sz="1600"/>
              <a:t> the </a:t>
            </a:r>
            <a:r>
              <a:rPr lang="it-IT" sz="1600" b="1" err="1"/>
              <a:t>most</a:t>
            </a:r>
            <a:r>
              <a:rPr lang="it-IT" sz="1600" b="1"/>
              <a:t> </a:t>
            </a:r>
            <a:r>
              <a:rPr lang="it-IT" sz="1600" b="1" err="1"/>
              <a:t>effective</a:t>
            </a:r>
            <a:r>
              <a:rPr lang="it-IT" sz="1600" b="1"/>
              <a:t> </a:t>
            </a:r>
            <a:r>
              <a:rPr lang="it-IT" sz="1600" err="1"/>
              <a:t>solution</a:t>
            </a:r>
            <a:endParaRPr lang="it-IT" sz="1600"/>
          </a:p>
        </p:txBody>
      </p:sp>
    </p:spTree>
    <p:extLst>
      <p:ext uri="{BB962C8B-B14F-4D97-AF65-F5344CB8AC3E}">
        <p14:creationId xmlns:p14="http://schemas.microsoft.com/office/powerpoint/2010/main" val="283656945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10ECC2-B3FF-5283-EAE2-8350C85461F4}"/>
              </a:ext>
            </a:extLst>
          </p:cNvPr>
          <p:cNvSpPr/>
          <p:nvPr/>
        </p:nvSpPr>
        <p:spPr>
          <a:xfrm>
            <a:off x="2852616" y="1844905"/>
            <a:ext cx="2183847" cy="4745134"/>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79319CF0-48EE-B7AE-DA14-5C3F5F6D2364}"/>
              </a:ext>
            </a:extLst>
          </p:cNvPr>
          <p:cNvSpPr>
            <a:spLocks noGrp="1"/>
          </p:cNvSpPr>
          <p:nvPr>
            <p:ph type="title"/>
          </p:nvPr>
        </p:nvSpPr>
        <p:spPr>
          <a:xfrm>
            <a:off x="658811" y="657225"/>
            <a:ext cx="9021764" cy="532800"/>
          </a:xfrm>
        </p:spPr>
        <p:txBody>
          <a:bodyPr/>
          <a:lstStyle/>
          <a:p>
            <a:r>
              <a:rPr lang="en-GB" dirty="0"/>
              <a:t>A tiered approach to assessment</a:t>
            </a:r>
          </a:p>
        </p:txBody>
      </p:sp>
      <p:sp>
        <p:nvSpPr>
          <p:cNvPr id="3" name="Subtitle 2">
            <a:extLst>
              <a:ext uri="{FF2B5EF4-FFF2-40B4-BE49-F238E27FC236}">
                <a16:creationId xmlns:a16="http://schemas.microsoft.com/office/drawing/2014/main" id="{EDDBCC1A-B6F9-240A-214F-0925FA2C0584}"/>
              </a:ext>
            </a:extLst>
          </p:cNvPr>
          <p:cNvSpPr>
            <a:spLocks noGrp="1"/>
          </p:cNvSpPr>
          <p:nvPr>
            <p:ph type="subTitle" idx="1"/>
          </p:nvPr>
        </p:nvSpPr>
        <p:spPr>
          <a:xfrm>
            <a:off x="658813" y="1306512"/>
            <a:ext cx="10039667" cy="280513"/>
          </a:xfrm>
        </p:spPr>
        <p:txBody>
          <a:bodyPr/>
          <a:lstStyle/>
          <a:p>
            <a:r>
              <a:rPr lang="en-GB"/>
              <a:t>Energy systems need several levels of detail for resilience planning and implementation</a:t>
            </a:r>
          </a:p>
        </p:txBody>
      </p:sp>
      <p:sp>
        <p:nvSpPr>
          <p:cNvPr id="50" name="Content Placeholder 49">
            <a:extLst>
              <a:ext uri="{FF2B5EF4-FFF2-40B4-BE49-F238E27FC236}">
                <a16:creationId xmlns:a16="http://schemas.microsoft.com/office/drawing/2014/main" id="{90360AD7-F5A6-F2F4-5B72-27A7939B0B9B}"/>
              </a:ext>
            </a:extLst>
          </p:cNvPr>
          <p:cNvSpPr>
            <a:spLocks noGrp="1"/>
          </p:cNvSpPr>
          <p:nvPr>
            <p:ph sz="quarter" idx="16"/>
          </p:nvPr>
        </p:nvSpPr>
        <p:spPr>
          <a:xfrm>
            <a:off x="7718822" y="2269093"/>
            <a:ext cx="3814366" cy="3896758"/>
          </a:xfrm>
        </p:spPr>
        <p:txBody>
          <a:bodyPr/>
          <a:lstStyle/>
          <a:p>
            <a:r>
              <a:rPr lang="en-GB" sz="2000" dirty="0"/>
              <a:t>Holistic understanding</a:t>
            </a:r>
          </a:p>
          <a:p>
            <a:r>
              <a:rPr lang="en-GB" sz="2000" dirty="0"/>
              <a:t>Creating the right tools for the job</a:t>
            </a:r>
          </a:p>
          <a:p>
            <a:r>
              <a:rPr lang="en-GB" sz="2000" dirty="0"/>
              <a:t>Prioritisation and proportionality of investment</a:t>
            </a:r>
          </a:p>
          <a:p>
            <a:r>
              <a:rPr lang="en-GB" sz="2000" dirty="0"/>
              <a:t>These are all prior to adaptation </a:t>
            </a:r>
          </a:p>
          <a:p>
            <a:pPr marL="0" indent="0">
              <a:buNone/>
            </a:pPr>
            <a:endParaRPr lang="en-GB" sz="1600" dirty="0">
              <a:solidFill>
                <a:srgbClr val="FF0000"/>
              </a:solidFill>
              <a:latin typeface="Arial" panose="020B0604020202020204" pitchFamily="34" charset="0"/>
              <a:cs typeface="Arial" panose="020B0604020202020204" pitchFamily="34" charset="0"/>
            </a:endParaRPr>
          </a:p>
        </p:txBody>
      </p:sp>
      <p:sp>
        <p:nvSpPr>
          <p:cNvPr id="32" name="Oval 31">
            <a:extLst>
              <a:ext uri="{FF2B5EF4-FFF2-40B4-BE49-F238E27FC236}">
                <a16:creationId xmlns:a16="http://schemas.microsoft.com/office/drawing/2014/main" id="{A23094FA-8218-F265-5084-E2C2BAC1F65D}"/>
              </a:ext>
            </a:extLst>
          </p:cNvPr>
          <p:cNvSpPr/>
          <p:nvPr/>
        </p:nvSpPr>
        <p:spPr>
          <a:xfrm>
            <a:off x="697309" y="2269093"/>
            <a:ext cx="2159794" cy="2159794"/>
          </a:xfrm>
          <a:prstGeom prst="ellipse">
            <a:avLst/>
          </a:prstGeom>
          <a:noFill/>
          <a:ln w="69850">
            <a:solidFill>
              <a:schemeClr val="bg2">
                <a:lumMod val="50000"/>
                <a:alpha val="30000"/>
              </a:schemeClr>
            </a:solidFill>
          </a:ln>
          <a:effectLst/>
        </p:spPr>
        <p:style>
          <a:lnRef idx="1">
            <a:schemeClr val="accent1"/>
          </a:lnRef>
          <a:fillRef idx="3">
            <a:schemeClr val="accent1"/>
          </a:fillRef>
          <a:effectRef idx="2">
            <a:schemeClr val="accent1"/>
          </a:effectRef>
          <a:fontRef idx="minor">
            <a:schemeClr val="lt1"/>
          </a:fontRef>
        </p:style>
        <p:txBody>
          <a:bodyPr lIns="91422" tIns="45711" rIns="91422" bIns="45711" anchor="ctr"/>
          <a:lstStyle/>
          <a:p>
            <a:pPr algn="ctr" defTabSz="914217">
              <a:defRPr/>
            </a:pPr>
            <a:endParaRPr lang="en-US" sz="900">
              <a:latin typeface="Roboto Light"/>
            </a:endParaRPr>
          </a:p>
        </p:txBody>
      </p:sp>
      <p:sp>
        <p:nvSpPr>
          <p:cNvPr id="33" name="Arc 32">
            <a:extLst>
              <a:ext uri="{FF2B5EF4-FFF2-40B4-BE49-F238E27FC236}">
                <a16:creationId xmlns:a16="http://schemas.microsoft.com/office/drawing/2014/main" id="{E859497F-5477-AF2E-3091-9F1FF8871FC7}"/>
              </a:ext>
            </a:extLst>
          </p:cNvPr>
          <p:cNvSpPr/>
          <p:nvPr/>
        </p:nvSpPr>
        <p:spPr>
          <a:xfrm>
            <a:off x="698897" y="2269886"/>
            <a:ext cx="2157413" cy="2158207"/>
          </a:xfrm>
          <a:prstGeom prst="arc">
            <a:avLst>
              <a:gd name="adj1" fmla="val 10766207"/>
              <a:gd name="adj2" fmla="val 0"/>
            </a:avLst>
          </a:prstGeom>
          <a:ln w="69850" cap="rnd">
            <a:solidFill>
              <a:schemeClr val="tx2"/>
            </a:solidFill>
          </a:ln>
        </p:spPr>
        <p:style>
          <a:lnRef idx="1">
            <a:schemeClr val="accent1"/>
          </a:lnRef>
          <a:fillRef idx="0">
            <a:schemeClr val="accent1"/>
          </a:fillRef>
          <a:effectRef idx="0">
            <a:schemeClr val="accent1"/>
          </a:effectRef>
          <a:fontRef idx="minor">
            <a:schemeClr val="tx1"/>
          </a:fontRef>
        </p:style>
        <p:txBody>
          <a:bodyPr lIns="91422" tIns="45711" rIns="91422" bIns="45711" anchor="ctr"/>
          <a:lstStyle/>
          <a:p>
            <a:pPr algn="ctr" defTabSz="914217">
              <a:defRPr/>
            </a:pPr>
            <a:endParaRPr lang="en-US" sz="900">
              <a:latin typeface="Roboto Light"/>
            </a:endParaRPr>
          </a:p>
        </p:txBody>
      </p:sp>
      <p:sp>
        <p:nvSpPr>
          <p:cNvPr id="34" name="Oval 33">
            <a:extLst>
              <a:ext uri="{FF2B5EF4-FFF2-40B4-BE49-F238E27FC236}">
                <a16:creationId xmlns:a16="http://schemas.microsoft.com/office/drawing/2014/main" id="{66CA845F-2C56-A025-D9B3-948380500952}"/>
              </a:ext>
            </a:extLst>
          </p:cNvPr>
          <p:cNvSpPr/>
          <p:nvPr/>
        </p:nvSpPr>
        <p:spPr>
          <a:xfrm>
            <a:off x="2857103" y="2269093"/>
            <a:ext cx="2159794" cy="2159794"/>
          </a:xfrm>
          <a:prstGeom prst="ellipse">
            <a:avLst/>
          </a:prstGeom>
          <a:noFill/>
          <a:ln w="69850">
            <a:solidFill>
              <a:schemeClr val="bg2">
                <a:lumMod val="50000"/>
                <a:alpha val="30000"/>
              </a:schemeClr>
            </a:solidFill>
          </a:ln>
          <a:effectLst/>
        </p:spPr>
        <p:style>
          <a:lnRef idx="1">
            <a:schemeClr val="accent1"/>
          </a:lnRef>
          <a:fillRef idx="3">
            <a:schemeClr val="accent1"/>
          </a:fillRef>
          <a:effectRef idx="2">
            <a:schemeClr val="accent1"/>
          </a:effectRef>
          <a:fontRef idx="minor">
            <a:schemeClr val="lt1"/>
          </a:fontRef>
        </p:style>
        <p:txBody>
          <a:bodyPr lIns="91422" tIns="45711" rIns="91422" bIns="45711" anchor="ctr"/>
          <a:lstStyle/>
          <a:p>
            <a:pPr algn="ctr" defTabSz="914217">
              <a:defRPr/>
            </a:pPr>
            <a:endParaRPr lang="en-US" sz="900">
              <a:latin typeface="Roboto Light"/>
            </a:endParaRPr>
          </a:p>
        </p:txBody>
      </p:sp>
      <p:sp>
        <p:nvSpPr>
          <p:cNvPr id="35" name="Arc 34">
            <a:extLst>
              <a:ext uri="{FF2B5EF4-FFF2-40B4-BE49-F238E27FC236}">
                <a16:creationId xmlns:a16="http://schemas.microsoft.com/office/drawing/2014/main" id="{AC720BAD-6C8E-682F-6E75-76DB27E5B7C9}"/>
              </a:ext>
            </a:extLst>
          </p:cNvPr>
          <p:cNvSpPr/>
          <p:nvPr/>
        </p:nvSpPr>
        <p:spPr>
          <a:xfrm rot="10800000">
            <a:off x="2858691" y="2269886"/>
            <a:ext cx="2157413" cy="2158207"/>
          </a:xfrm>
          <a:prstGeom prst="arc">
            <a:avLst>
              <a:gd name="adj1" fmla="val 10766207"/>
              <a:gd name="adj2" fmla="val 0"/>
            </a:avLst>
          </a:prstGeom>
          <a:ln w="69850" cap="rnd">
            <a:solidFill>
              <a:schemeClr val="accent2"/>
            </a:solidFill>
          </a:ln>
        </p:spPr>
        <p:style>
          <a:lnRef idx="1">
            <a:schemeClr val="accent1"/>
          </a:lnRef>
          <a:fillRef idx="0">
            <a:schemeClr val="accent1"/>
          </a:fillRef>
          <a:effectRef idx="0">
            <a:schemeClr val="accent1"/>
          </a:effectRef>
          <a:fontRef idx="minor">
            <a:schemeClr val="tx1"/>
          </a:fontRef>
        </p:style>
        <p:txBody>
          <a:bodyPr lIns="91422" tIns="45711" rIns="91422" bIns="45711" anchor="ctr"/>
          <a:lstStyle/>
          <a:p>
            <a:pPr algn="ctr" defTabSz="914217">
              <a:defRPr/>
            </a:pPr>
            <a:endParaRPr lang="en-US" sz="900">
              <a:latin typeface="Roboto Light"/>
            </a:endParaRPr>
          </a:p>
        </p:txBody>
      </p:sp>
      <p:sp>
        <p:nvSpPr>
          <p:cNvPr id="36" name="Oval 35">
            <a:extLst>
              <a:ext uri="{FF2B5EF4-FFF2-40B4-BE49-F238E27FC236}">
                <a16:creationId xmlns:a16="http://schemas.microsoft.com/office/drawing/2014/main" id="{8FD5BA82-4314-28FA-2159-E2AECF51F088}"/>
              </a:ext>
            </a:extLst>
          </p:cNvPr>
          <p:cNvSpPr/>
          <p:nvPr/>
        </p:nvSpPr>
        <p:spPr>
          <a:xfrm>
            <a:off x="5016103" y="2269093"/>
            <a:ext cx="2159794" cy="2159794"/>
          </a:xfrm>
          <a:prstGeom prst="ellipse">
            <a:avLst/>
          </a:prstGeom>
          <a:noFill/>
          <a:ln w="69850">
            <a:solidFill>
              <a:schemeClr val="bg2">
                <a:lumMod val="50000"/>
                <a:alpha val="30000"/>
              </a:schemeClr>
            </a:solidFill>
          </a:ln>
          <a:effectLst/>
        </p:spPr>
        <p:style>
          <a:lnRef idx="1">
            <a:schemeClr val="accent1"/>
          </a:lnRef>
          <a:fillRef idx="3">
            <a:schemeClr val="accent1"/>
          </a:fillRef>
          <a:effectRef idx="2">
            <a:schemeClr val="accent1"/>
          </a:effectRef>
          <a:fontRef idx="minor">
            <a:schemeClr val="lt1"/>
          </a:fontRef>
        </p:style>
        <p:txBody>
          <a:bodyPr lIns="91422" tIns="45711" rIns="91422" bIns="45711" anchor="ctr"/>
          <a:lstStyle/>
          <a:p>
            <a:pPr algn="ctr" defTabSz="914217">
              <a:defRPr/>
            </a:pPr>
            <a:endParaRPr lang="en-US" sz="900">
              <a:latin typeface="Roboto Light"/>
            </a:endParaRPr>
          </a:p>
        </p:txBody>
      </p:sp>
      <p:sp>
        <p:nvSpPr>
          <p:cNvPr id="37" name="Arc 36">
            <a:extLst>
              <a:ext uri="{FF2B5EF4-FFF2-40B4-BE49-F238E27FC236}">
                <a16:creationId xmlns:a16="http://schemas.microsoft.com/office/drawing/2014/main" id="{BC406C1F-983A-94E9-3C49-B2FA830E5834}"/>
              </a:ext>
            </a:extLst>
          </p:cNvPr>
          <p:cNvSpPr/>
          <p:nvPr/>
        </p:nvSpPr>
        <p:spPr>
          <a:xfrm>
            <a:off x="5016897" y="2269886"/>
            <a:ext cx="2157413" cy="2158207"/>
          </a:xfrm>
          <a:prstGeom prst="arc">
            <a:avLst>
              <a:gd name="adj1" fmla="val 10766207"/>
              <a:gd name="adj2" fmla="val 0"/>
            </a:avLst>
          </a:prstGeom>
          <a:ln w="69850" cap="rnd">
            <a:solidFill>
              <a:schemeClr val="accent3"/>
            </a:solidFill>
          </a:ln>
        </p:spPr>
        <p:style>
          <a:lnRef idx="1">
            <a:schemeClr val="accent1"/>
          </a:lnRef>
          <a:fillRef idx="0">
            <a:schemeClr val="accent1"/>
          </a:fillRef>
          <a:effectRef idx="0">
            <a:schemeClr val="accent1"/>
          </a:effectRef>
          <a:fontRef idx="minor">
            <a:schemeClr val="tx1"/>
          </a:fontRef>
        </p:style>
        <p:txBody>
          <a:bodyPr lIns="91422" tIns="45711" rIns="91422" bIns="45711" anchor="ctr"/>
          <a:lstStyle/>
          <a:p>
            <a:pPr algn="ctr" defTabSz="914217">
              <a:defRPr/>
            </a:pPr>
            <a:endParaRPr lang="en-US" sz="900">
              <a:latin typeface="Roboto Light"/>
            </a:endParaRPr>
          </a:p>
        </p:txBody>
      </p:sp>
      <p:sp>
        <p:nvSpPr>
          <p:cNvPr id="40" name="TextBox 39">
            <a:extLst>
              <a:ext uri="{FF2B5EF4-FFF2-40B4-BE49-F238E27FC236}">
                <a16:creationId xmlns:a16="http://schemas.microsoft.com/office/drawing/2014/main" id="{7733E48A-EC32-82F5-B86F-860838B7AE59}"/>
              </a:ext>
            </a:extLst>
          </p:cNvPr>
          <p:cNvSpPr txBox="1"/>
          <p:nvPr/>
        </p:nvSpPr>
        <p:spPr>
          <a:xfrm>
            <a:off x="891778" y="2608490"/>
            <a:ext cx="1729581" cy="1564531"/>
          </a:xfrm>
          <a:prstGeom prst="rect">
            <a:avLst/>
          </a:prstGeom>
          <a:noFill/>
        </p:spPr>
        <p:txBody>
          <a:bodyPr lIns="0" tIns="0" rIns="0" bIns="0" rtlCol="1">
            <a:spAutoFit/>
          </a:bodyPr>
          <a:lstStyle/>
          <a:p>
            <a:pPr algn="ctr" defTabSz="914217">
              <a:lnSpc>
                <a:spcPts val="1733"/>
              </a:lnSpc>
              <a:spcAft>
                <a:spcPts val="267"/>
              </a:spcAft>
              <a:defRPr/>
            </a:pPr>
            <a:r>
              <a:rPr lang="en-US" sz="1200" b="1">
                <a:solidFill>
                  <a:schemeClr val="tx2"/>
                </a:solidFill>
                <a:latin typeface="Arial" panose="020B0604020202020204" pitchFamily="34" charset="0"/>
                <a:ea typeface="Open Sans" pitchFamily="34" charset="0"/>
                <a:cs typeface="Arial" panose="020B0604020202020204" pitchFamily="34" charset="0"/>
              </a:rPr>
              <a:t>Tier 1</a:t>
            </a:r>
          </a:p>
          <a:p>
            <a:pPr algn="ctr" defTabSz="914217">
              <a:lnSpc>
                <a:spcPts val="1733"/>
              </a:lnSpc>
              <a:defRPr/>
            </a:pPr>
            <a:r>
              <a:rPr lang="en-AU" sz="1600">
                <a:ea typeface="Open Sans" panose="020B0606030504020204" pitchFamily="34" charset="0"/>
                <a:cs typeface="Arial" panose="020B0604020202020204" pitchFamily="34" charset="0"/>
              </a:rPr>
              <a:t>Screening models or indices. Widest engagement, holistic view for opportunities and roadmap. </a:t>
            </a:r>
            <a:endParaRPr lang="en-US" sz="1600">
              <a:ea typeface="Open Sans" panose="020B0606030504020204" pitchFamily="34" charset="0"/>
              <a:cs typeface="Arial" panose="020B0604020202020204" pitchFamily="34" charset="0"/>
            </a:endParaRPr>
          </a:p>
        </p:txBody>
      </p:sp>
      <p:sp>
        <p:nvSpPr>
          <p:cNvPr id="41" name="Freeform 38">
            <a:extLst>
              <a:ext uri="{FF2B5EF4-FFF2-40B4-BE49-F238E27FC236}">
                <a16:creationId xmlns:a16="http://schemas.microsoft.com/office/drawing/2014/main" id="{04B90A08-2DA8-2EEB-4081-223D169C9EC6}"/>
              </a:ext>
            </a:extLst>
          </p:cNvPr>
          <p:cNvSpPr>
            <a:spLocks noChangeArrowheads="1"/>
          </p:cNvSpPr>
          <p:nvPr/>
        </p:nvSpPr>
        <p:spPr bwMode="auto">
          <a:xfrm>
            <a:off x="5989241" y="2639774"/>
            <a:ext cx="204788" cy="462757"/>
          </a:xfrm>
          <a:custGeom>
            <a:avLst/>
            <a:gdLst>
              <a:gd name="T0" fmla="*/ 51946 w 205"/>
              <a:gd name="T1" fmla="*/ 905082 h 453"/>
              <a:gd name="T2" fmla="*/ 51946 w 205"/>
              <a:gd name="T3" fmla="*/ 905082 h 453"/>
              <a:gd name="T4" fmla="*/ 211780 w 205"/>
              <a:gd name="T5" fmla="*/ 543458 h 453"/>
              <a:gd name="T6" fmla="*/ 15983 w 205"/>
              <a:gd name="T7" fmla="*/ 433132 h 453"/>
              <a:gd name="T8" fmla="*/ 371614 w 205"/>
              <a:gd name="T9" fmla="*/ 0 h 453"/>
              <a:gd name="T10" fmla="*/ 211780 w 205"/>
              <a:gd name="T11" fmla="*/ 382055 h 453"/>
              <a:gd name="T12" fmla="*/ 407577 w 205"/>
              <a:gd name="T13" fmla="*/ 490338 h 453"/>
              <a:gd name="T14" fmla="*/ 51946 w 205"/>
              <a:gd name="T15" fmla="*/ 905082 h 453"/>
              <a:gd name="T16" fmla="*/ 0 60000 65536"/>
              <a:gd name="T17" fmla="*/ 0 60000 65536"/>
              <a:gd name="T18" fmla="*/ 0 60000 65536"/>
              <a:gd name="T19" fmla="*/ 0 60000 65536"/>
              <a:gd name="T20" fmla="*/ 0 60000 65536"/>
              <a:gd name="T21" fmla="*/ 0 60000 65536"/>
              <a:gd name="T22" fmla="*/ 0 60000 65536"/>
              <a:gd name="T23" fmla="*/ 0 60000 65536"/>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0" t="0" r="r" b="b"/>
            <a:pathLst>
              <a:path w="205" h="453">
                <a:moveTo>
                  <a:pt x="26" y="443"/>
                </a:moveTo>
                <a:lnTo>
                  <a:pt x="26" y="443"/>
                </a:lnTo>
                <a:cubicBezTo>
                  <a:pt x="17" y="443"/>
                  <a:pt x="106" y="266"/>
                  <a:pt x="106" y="266"/>
                </a:cubicBezTo>
                <a:cubicBezTo>
                  <a:pt x="97" y="257"/>
                  <a:pt x="8" y="231"/>
                  <a:pt x="8" y="212"/>
                </a:cubicBezTo>
                <a:cubicBezTo>
                  <a:pt x="0" y="196"/>
                  <a:pt x="177" y="0"/>
                  <a:pt x="186" y="0"/>
                </a:cubicBezTo>
                <a:cubicBezTo>
                  <a:pt x="186" y="9"/>
                  <a:pt x="106" y="177"/>
                  <a:pt x="106" y="187"/>
                </a:cubicBezTo>
                <a:cubicBezTo>
                  <a:pt x="114" y="196"/>
                  <a:pt x="204" y="222"/>
                  <a:pt x="204" y="240"/>
                </a:cubicBezTo>
                <a:cubicBezTo>
                  <a:pt x="204" y="249"/>
                  <a:pt x="35" y="452"/>
                  <a:pt x="26" y="443"/>
                </a:cubicBezTo>
              </a:path>
            </a:pathLst>
          </a:custGeom>
          <a:solidFill>
            <a:schemeClr val="bg1"/>
          </a:solidFill>
          <a:ln>
            <a:noFill/>
          </a:ln>
          <a:effectLst/>
          <a:extLst>
            <a:ext uri="{91240B29-F687-4F45-9708-019B960494DF}">
              <a14:hiddenLine xmlns:a14="http://schemas.microsoft.com/office/drawing/2010/main" w="9525" cap="flat">
                <a:solidFill>
                  <a:srgbClr val="808080"/>
                </a:solidFill>
                <a:bevel/>
                <a:headEnd/>
                <a:tailEnd/>
              </a14:hiddenLine>
            </a:ext>
            <a:ext uri="{AF507438-7753-43E0-B8FC-AC1667EBCBE1}">
              <a14:hiddenEffects xmlns:a14="http://schemas.microsoft.com/office/drawing/2010/main">
                <a:effectLst>
                  <a:outerShdw blurRad="63500" dist="38099" dir="2700000" algn="ctr" rotWithShape="0">
                    <a:srgbClr val="000000">
                      <a:alpha val="74997"/>
                    </a:srgbClr>
                  </a:outerShdw>
                </a:effectLst>
              </a14:hiddenEffects>
            </a:ext>
          </a:extLst>
        </p:spPr>
        <p:txBody>
          <a:bodyPr wrap="none" lIns="45712" tIns="22856" rIns="45712" bIns="22856" anchor="ctr"/>
          <a:lstStyle/>
          <a:p>
            <a:endParaRPr lang="en-AU" sz="900"/>
          </a:p>
        </p:txBody>
      </p:sp>
      <p:sp>
        <p:nvSpPr>
          <p:cNvPr id="42" name="Freeform 39">
            <a:extLst>
              <a:ext uri="{FF2B5EF4-FFF2-40B4-BE49-F238E27FC236}">
                <a16:creationId xmlns:a16="http://schemas.microsoft.com/office/drawing/2014/main" id="{2B4B26AB-D8CC-B51D-33E4-182281BA3B37}"/>
              </a:ext>
            </a:extLst>
          </p:cNvPr>
          <p:cNvSpPr>
            <a:spLocks noChangeArrowheads="1"/>
          </p:cNvSpPr>
          <p:nvPr/>
        </p:nvSpPr>
        <p:spPr bwMode="auto">
          <a:xfrm>
            <a:off x="3746103" y="2693749"/>
            <a:ext cx="396875" cy="397669"/>
          </a:xfrm>
          <a:custGeom>
            <a:avLst/>
            <a:gdLst>
              <a:gd name="T0" fmla="*/ 713302 w 444"/>
              <a:gd name="T1" fmla="*/ 94939 h 444"/>
              <a:gd name="T2" fmla="*/ 713302 w 444"/>
              <a:gd name="T3" fmla="*/ 94939 h 444"/>
              <a:gd name="T4" fmla="*/ 665034 w 444"/>
              <a:gd name="T5" fmla="*/ 94939 h 444"/>
              <a:gd name="T6" fmla="*/ 665034 w 444"/>
              <a:gd name="T7" fmla="*/ 175548 h 444"/>
              <a:gd name="T8" fmla="*/ 523803 w 444"/>
              <a:gd name="T9" fmla="*/ 175548 h 444"/>
              <a:gd name="T10" fmla="*/ 523803 w 444"/>
              <a:gd name="T11" fmla="*/ 94939 h 444"/>
              <a:gd name="T12" fmla="*/ 269947 w 444"/>
              <a:gd name="T13" fmla="*/ 94939 h 444"/>
              <a:gd name="T14" fmla="*/ 269947 w 444"/>
              <a:gd name="T15" fmla="*/ 175548 h 444"/>
              <a:gd name="T16" fmla="*/ 126928 w 444"/>
              <a:gd name="T17" fmla="*/ 175548 h 444"/>
              <a:gd name="T18" fmla="*/ 126928 w 444"/>
              <a:gd name="T19" fmla="*/ 94939 h 444"/>
              <a:gd name="T20" fmla="*/ 80448 w 444"/>
              <a:gd name="T21" fmla="*/ 94939 h 444"/>
              <a:gd name="T22" fmla="*/ 0 w 444"/>
              <a:gd name="T23" fmla="*/ 175548 h 444"/>
              <a:gd name="T24" fmla="*/ 0 w 444"/>
              <a:gd name="T25" fmla="*/ 714729 h 444"/>
              <a:gd name="T26" fmla="*/ 80448 w 444"/>
              <a:gd name="T27" fmla="*/ 793547 h 444"/>
              <a:gd name="T28" fmla="*/ 713302 w 444"/>
              <a:gd name="T29" fmla="*/ 793547 h 444"/>
              <a:gd name="T30" fmla="*/ 791962 w 444"/>
              <a:gd name="T31" fmla="*/ 714729 h 444"/>
              <a:gd name="T32" fmla="*/ 791962 w 444"/>
              <a:gd name="T33" fmla="*/ 175548 h 444"/>
              <a:gd name="T34" fmla="*/ 713302 w 444"/>
              <a:gd name="T35" fmla="*/ 94939 h 444"/>
              <a:gd name="T36" fmla="*/ 713302 w 444"/>
              <a:gd name="T37" fmla="*/ 714729 h 444"/>
              <a:gd name="T38" fmla="*/ 713302 w 444"/>
              <a:gd name="T39" fmla="*/ 714729 h 444"/>
              <a:gd name="T40" fmla="*/ 80448 w 444"/>
              <a:gd name="T41" fmla="*/ 714729 h 444"/>
              <a:gd name="T42" fmla="*/ 80448 w 444"/>
              <a:gd name="T43" fmla="*/ 351095 h 444"/>
              <a:gd name="T44" fmla="*/ 713302 w 444"/>
              <a:gd name="T45" fmla="*/ 351095 h 444"/>
              <a:gd name="T46" fmla="*/ 713302 w 444"/>
              <a:gd name="T47" fmla="*/ 714729 h 444"/>
              <a:gd name="T48" fmla="*/ 221678 w 444"/>
              <a:gd name="T49" fmla="*/ 0 h 444"/>
              <a:gd name="T50" fmla="*/ 221678 w 444"/>
              <a:gd name="T51" fmla="*/ 0 h 444"/>
              <a:gd name="T52" fmla="*/ 159108 w 444"/>
              <a:gd name="T53" fmla="*/ 0 h 444"/>
              <a:gd name="T54" fmla="*/ 159108 w 444"/>
              <a:gd name="T55" fmla="*/ 159426 h 444"/>
              <a:gd name="T56" fmla="*/ 221678 w 444"/>
              <a:gd name="T57" fmla="*/ 159426 h 444"/>
              <a:gd name="T58" fmla="*/ 221678 w 444"/>
              <a:gd name="T59" fmla="*/ 0 h 444"/>
              <a:gd name="T60" fmla="*/ 632855 w 444"/>
              <a:gd name="T61" fmla="*/ 0 h 444"/>
              <a:gd name="T62" fmla="*/ 632855 w 444"/>
              <a:gd name="T63" fmla="*/ 0 h 444"/>
              <a:gd name="T64" fmla="*/ 570284 w 444"/>
              <a:gd name="T65" fmla="*/ 0 h 444"/>
              <a:gd name="T66" fmla="*/ 570284 w 444"/>
              <a:gd name="T67" fmla="*/ 159426 h 444"/>
              <a:gd name="T68" fmla="*/ 632855 w 444"/>
              <a:gd name="T69" fmla="*/ 159426 h 444"/>
              <a:gd name="T70" fmla="*/ 632855 w 444"/>
              <a:gd name="T71" fmla="*/ 0 h 444"/>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Lst>
            <a:ahLst/>
            <a:cxnLst>
              <a:cxn ang="T72">
                <a:pos x="T0" y="T1"/>
              </a:cxn>
              <a:cxn ang="T73">
                <a:pos x="T2" y="T3"/>
              </a:cxn>
              <a:cxn ang="T74">
                <a:pos x="T4" y="T5"/>
              </a:cxn>
              <a:cxn ang="T75">
                <a:pos x="T6" y="T7"/>
              </a:cxn>
              <a:cxn ang="T76">
                <a:pos x="T8" y="T9"/>
              </a:cxn>
              <a:cxn ang="T77">
                <a:pos x="T10" y="T11"/>
              </a:cxn>
              <a:cxn ang="T78">
                <a:pos x="T12" y="T13"/>
              </a:cxn>
              <a:cxn ang="T79">
                <a:pos x="T14" y="T15"/>
              </a:cxn>
              <a:cxn ang="T80">
                <a:pos x="T16" y="T17"/>
              </a:cxn>
              <a:cxn ang="T81">
                <a:pos x="T18" y="T19"/>
              </a:cxn>
              <a:cxn ang="T82">
                <a:pos x="T20" y="T21"/>
              </a:cxn>
              <a:cxn ang="T83">
                <a:pos x="T22" y="T23"/>
              </a:cxn>
              <a:cxn ang="T84">
                <a:pos x="T24" y="T25"/>
              </a:cxn>
              <a:cxn ang="T85">
                <a:pos x="T26" y="T27"/>
              </a:cxn>
              <a:cxn ang="T86">
                <a:pos x="T28" y="T29"/>
              </a:cxn>
              <a:cxn ang="T87">
                <a:pos x="T30" y="T31"/>
              </a:cxn>
              <a:cxn ang="T88">
                <a:pos x="T32" y="T33"/>
              </a:cxn>
              <a:cxn ang="T89">
                <a:pos x="T34" y="T35"/>
              </a:cxn>
              <a:cxn ang="T90">
                <a:pos x="T36" y="T37"/>
              </a:cxn>
              <a:cxn ang="T91">
                <a:pos x="T38" y="T39"/>
              </a:cxn>
              <a:cxn ang="T92">
                <a:pos x="T40" y="T41"/>
              </a:cxn>
              <a:cxn ang="T93">
                <a:pos x="T42" y="T43"/>
              </a:cxn>
              <a:cxn ang="T94">
                <a:pos x="T44" y="T45"/>
              </a:cxn>
              <a:cxn ang="T95">
                <a:pos x="T46" y="T47"/>
              </a:cxn>
              <a:cxn ang="T96">
                <a:pos x="T48" y="T49"/>
              </a:cxn>
              <a:cxn ang="T97">
                <a:pos x="T50" y="T51"/>
              </a:cxn>
              <a:cxn ang="T98">
                <a:pos x="T52" y="T53"/>
              </a:cxn>
              <a:cxn ang="T99">
                <a:pos x="T54" y="T55"/>
              </a:cxn>
              <a:cxn ang="T100">
                <a:pos x="T56" y="T57"/>
              </a:cxn>
              <a:cxn ang="T101">
                <a:pos x="T58" y="T59"/>
              </a:cxn>
              <a:cxn ang="T102">
                <a:pos x="T60" y="T61"/>
              </a:cxn>
              <a:cxn ang="T103">
                <a:pos x="T62" y="T63"/>
              </a:cxn>
              <a:cxn ang="T104">
                <a:pos x="T64" y="T65"/>
              </a:cxn>
              <a:cxn ang="T105">
                <a:pos x="T66" y="T67"/>
              </a:cxn>
              <a:cxn ang="T106">
                <a:pos x="T68" y="T69"/>
              </a:cxn>
              <a:cxn ang="T107">
                <a:pos x="T70" y="T71"/>
              </a:cxn>
            </a:cxnLst>
            <a:rect l="0" t="0" r="r" b="b"/>
            <a:pathLst>
              <a:path w="444" h="444">
                <a:moveTo>
                  <a:pt x="399" y="53"/>
                </a:moveTo>
                <a:lnTo>
                  <a:pt x="399" y="53"/>
                </a:lnTo>
                <a:cubicBezTo>
                  <a:pt x="372" y="53"/>
                  <a:pt x="372" y="53"/>
                  <a:pt x="372" y="53"/>
                </a:cubicBezTo>
                <a:cubicBezTo>
                  <a:pt x="372" y="98"/>
                  <a:pt x="372" y="98"/>
                  <a:pt x="372" y="98"/>
                </a:cubicBezTo>
                <a:cubicBezTo>
                  <a:pt x="293" y="98"/>
                  <a:pt x="293" y="98"/>
                  <a:pt x="293" y="98"/>
                </a:cubicBezTo>
                <a:cubicBezTo>
                  <a:pt x="293" y="53"/>
                  <a:pt x="293" y="53"/>
                  <a:pt x="293" y="53"/>
                </a:cubicBezTo>
                <a:cubicBezTo>
                  <a:pt x="151" y="53"/>
                  <a:pt x="151" y="53"/>
                  <a:pt x="151" y="53"/>
                </a:cubicBezTo>
                <a:cubicBezTo>
                  <a:pt x="151" y="98"/>
                  <a:pt x="151" y="98"/>
                  <a:pt x="151" y="98"/>
                </a:cubicBezTo>
                <a:cubicBezTo>
                  <a:pt x="71" y="98"/>
                  <a:pt x="71" y="98"/>
                  <a:pt x="71" y="98"/>
                </a:cubicBezTo>
                <a:cubicBezTo>
                  <a:pt x="71" y="53"/>
                  <a:pt x="71" y="53"/>
                  <a:pt x="71" y="53"/>
                </a:cubicBezTo>
                <a:cubicBezTo>
                  <a:pt x="45" y="53"/>
                  <a:pt x="45" y="53"/>
                  <a:pt x="45" y="53"/>
                </a:cubicBezTo>
                <a:cubicBezTo>
                  <a:pt x="18" y="53"/>
                  <a:pt x="0" y="71"/>
                  <a:pt x="0" y="98"/>
                </a:cubicBezTo>
                <a:cubicBezTo>
                  <a:pt x="0" y="399"/>
                  <a:pt x="0" y="399"/>
                  <a:pt x="0" y="399"/>
                </a:cubicBezTo>
                <a:cubicBezTo>
                  <a:pt x="0" y="425"/>
                  <a:pt x="18" y="443"/>
                  <a:pt x="45" y="443"/>
                </a:cubicBezTo>
                <a:cubicBezTo>
                  <a:pt x="399" y="443"/>
                  <a:pt x="399" y="443"/>
                  <a:pt x="399" y="443"/>
                </a:cubicBezTo>
                <a:cubicBezTo>
                  <a:pt x="425" y="443"/>
                  <a:pt x="443" y="425"/>
                  <a:pt x="443" y="399"/>
                </a:cubicBezTo>
                <a:cubicBezTo>
                  <a:pt x="443" y="98"/>
                  <a:pt x="443" y="98"/>
                  <a:pt x="443" y="98"/>
                </a:cubicBezTo>
                <a:cubicBezTo>
                  <a:pt x="443" y="71"/>
                  <a:pt x="425" y="53"/>
                  <a:pt x="399" y="53"/>
                </a:cubicBezTo>
                <a:close/>
                <a:moveTo>
                  <a:pt x="399" y="399"/>
                </a:moveTo>
                <a:lnTo>
                  <a:pt x="399" y="399"/>
                </a:lnTo>
                <a:cubicBezTo>
                  <a:pt x="45" y="399"/>
                  <a:pt x="45" y="399"/>
                  <a:pt x="45" y="399"/>
                </a:cubicBezTo>
                <a:cubicBezTo>
                  <a:pt x="45" y="196"/>
                  <a:pt x="45" y="196"/>
                  <a:pt x="45" y="196"/>
                </a:cubicBezTo>
                <a:cubicBezTo>
                  <a:pt x="399" y="196"/>
                  <a:pt x="399" y="196"/>
                  <a:pt x="399" y="196"/>
                </a:cubicBezTo>
                <a:lnTo>
                  <a:pt x="399" y="399"/>
                </a:lnTo>
                <a:close/>
                <a:moveTo>
                  <a:pt x="124" y="0"/>
                </a:moveTo>
                <a:lnTo>
                  <a:pt x="124" y="0"/>
                </a:lnTo>
                <a:cubicBezTo>
                  <a:pt x="89" y="0"/>
                  <a:pt x="89" y="0"/>
                  <a:pt x="89" y="0"/>
                </a:cubicBezTo>
                <a:cubicBezTo>
                  <a:pt x="89" y="89"/>
                  <a:pt x="89" y="89"/>
                  <a:pt x="89" y="89"/>
                </a:cubicBezTo>
                <a:cubicBezTo>
                  <a:pt x="124" y="89"/>
                  <a:pt x="124" y="89"/>
                  <a:pt x="124" y="89"/>
                </a:cubicBezTo>
                <a:lnTo>
                  <a:pt x="124" y="0"/>
                </a:lnTo>
                <a:close/>
                <a:moveTo>
                  <a:pt x="354" y="0"/>
                </a:moveTo>
                <a:lnTo>
                  <a:pt x="354" y="0"/>
                </a:lnTo>
                <a:cubicBezTo>
                  <a:pt x="319" y="0"/>
                  <a:pt x="319" y="0"/>
                  <a:pt x="319" y="0"/>
                </a:cubicBezTo>
                <a:cubicBezTo>
                  <a:pt x="319" y="89"/>
                  <a:pt x="319" y="89"/>
                  <a:pt x="319" y="89"/>
                </a:cubicBezTo>
                <a:cubicBezTo>
                  <a:pt x="354" y="89"/>
                  <a:pt x="354" y="89"/>
                  <a:pt x="354" y="89"/>
                </a:cubicBezTo>
                <a:lnTo>
                  <a:pt x="354" y="0"/>
                </a:lnTo>
                <a:close/>
              </a:path>
            </a:pathLst>
          </a:custGeom>
          <a:solidFill>
            <a:schemeClr val="bg1"/>
          </a:solidFill>
          <a:ln>
            <a:noFill/>
          </a:ln>
          <a:effectLst/>
          <a:extLst>
            <a:ext uri="{91240B29-F687-4F45-9708-019B960494DF}">
              <a14:hiddenLine xmlns:a14="http://schemas.microsoft.com/office/drawing/2010/main" w="9525" cap="flat">
                <a:solidFill>
                  <a:srgbClr val="808080"/>
                </a:solidFill>
                <a:bevel/>
                <a:headEnd/>
                <a:tailEnd/>
              </a14:hiddenLine>
            </a:ext>
            <a:ext uri="{AF507438-7753-43E0-B8FC-AC1667EBCBE1}">
              <a14:hiddenEffects xmlns:a14="http://schemas.microsoft.com/office/drawing/2010/main">
                <a:effectLst>
                  <a:outerShdw blurRad="63500" dist="38099" dir="2700000" algn="ctr" rotWithShape="0">
                    <a:srgbClr val="000000">
                      <a:alpha val="74997"/>
                    </a:srgbClr>
                  </a:outerShdw>
                </a:effectLst>
              </a14:hiddenEffects>
            </a:ext>
          </a:extLst>
        </p:spPr>
        <p:txBody>
          <a:bodyPr wrap="none" lIns="45712" tIns="22856" rIns="45712" bIns="22856" anchor="ctr"/>
          <a:lstStyle/>
          <a:p>
            <a:endParaRPr lang="en-AU" sz="900"/>
          </a:p>
        </p:txBody>
      </p:sp>
      <p:sp>
        <p:nvSpPr>
          <p:cNvPr id="43" name="TextBox 42">
            <a:extLst>
              <a:ext uri="{FF2B5EF4-FFF2-40B4-BE49-F238E27FC236}">
                <a16:creationId xmlns:a16="http://schemas.microsoft.com/office/drawing/2014/main" id="{90BDE808-E861-5117-4B27-BCE854789E0E}"/>
              </a:ext>
            </a:extLst>
          </p:cNvPr>
          <p:cNvSpPr txBox="1"/>
          <p:nvPr/>
        </p:nvSpPr>
        <p:spPr>
          <a:xfrm>
            <a:off x="3086338" y="2608490"/>
            <a:ext cx="1729581" cy="1346522"/>
          </a:xfrm>
          <a:prstGeom prst="rect">
            <a:avLst/>
          </a:prstGeom>
          <a:noFill/>
        </p:spPr>
        <p:txBody>
          <a:bodyPr lIns="0" tIns="0" rIns="0" bIns="0" rtlCol="1">
            <a:spAutoFit/>
          </a:bodyPr>
          <a:lstStyle/>
          <a:p>
            <a:pPr algn="ctr" defTabSz="914217">
              <a:lnSpc>
                <a:spcPts val="1733"/>
              </a:lnSpc>
              <a:spcAft>
                <a:spcPts val="267"/>
              </a:spcAft>
              <a:defRPr/>
            </a:pPr>
            <a:r>
              <a:rPr lang="en-US" sz="1200" b="1">
                <a:solidFill>
                  <a:schemeClr val="tx2"/>
                </a:solidFill>
                <a:latin typeface="Arial" panose="020B0604020202020204" pitchFamily="34" charset="0"/>
                <a:ea typeface="Open Sans" pitchFamily="34" charset="0"/>
                <a:cs typeface="Arial" panose="020B0604020202020204" pitchFamily="34" charset="0"/>
              </a:rPr>
              <a:t>Tier 2</a:t>
            </a:r>
          </a:p>
          <a:p>
            <a:pPr algn="ctr" defTabSz="914217">
              <a:lnSpc>
                <a:spcPts val="1733"/>
              </a:lnSpc>
              <a:defRPr/>
            </a:pPr>
            <a:r>
              <a:rPr lang="en-AU" sz="1600">
                <a:ea typeface="Open Sans" panose="020B0606030504020204" pitchFamily="34" charset="0"/>
                <a:cs typeface="Arial" panose="020B0604020202020204" pitchFamily="34" charset="0"/>
              </a:rPr>
              <a:t>Semi-quantitative risk assessment. Decision support and investment prioritisation. </a:t>
            </a:r>
            <a:endParaRPr lang="en-US" sz="1600">
              <a:ea typeface="Open Sans" panose="020B0606030504020204" pitchFamily="34" charset="0"/>
              <a:cs typeface="Arial" panose="020B0604020202020204" pitchFamily="34" charset="0"/>
            </a:endParaRPr>
          </a:p>
        </p:txBody>
      </p:sp>
      <p:sp>
        <p:nvSpPr>
          <p:cNvPr id="44" name="TextBox 43">
            <a:extLst>
              <a:ext uri="{FF2B5EF4-FFF2-40B4-BE49-F238E27FC236}">
                <a16:creationId xmlns:a16="http://schemas.microsoft.com/office/drawing/2014/main" id="{20FEBC40-0F8D-9355-8EA8-C7A1757B72C4}"/>
              </a:ext>
            </a:extLst>
          </p:cNvPr>
          <p:cNvSpPr txBox="1"/>
          <p:nvPr/>
        </p:nvSpPr>
        <p:spPr>
          <a:xfrm>
            <a:off x="5260578" y="2608490"/>
            <a:ext cx="1729581" cy="1346522"/>
          </a:xfrm>
          <a:prstGeom prst="rect">
            <a:avLst/>
          </a:prstGeom>
          <a:noFill/>
        </p:spPr>
        <p:txBody>
          <a:bodyPr lIns="0" tIns="0" rIns="0" bIns="0" rtlCol="1">
            <a:spAutoFit/>
          </a:bodyPr>
          <a:lstStyle/>
          <a:p>
            <a:pPr algn="ctr" defTabSz="914217">
              <a:lnSpc>
                <a:spcPts val="1733"/>
              </a:lnSpc>
              <a:spcAft>
                <a:spcPts val="267"/>
              </a:spcAft>
              <a:defRPr/>
            </a:pPr>
            <a:r>
              <a:rPr lang="en-US" sz="1200" b="1">
                <a:solidFill>
                  <a:schemeClr val="tx2"/>
                </a:solidFill>
                <a:latin typeface="Arial" panose="020B0604020202020204" pitchFamily="34" charset="0"/>
                <a:ea typeface="Open Sans" pitchFamily="34" charset="0"/>
                <a:cs typeface="Arial" panose="020B0604020202020204" pitchFamily="34" charset="0"/>
              </a:rPr>
              <a:t>Tier 3</a:t>
            </a:r>
          </a:p>
          <a:p>
            <a:pPr algn="ctr" defTabSz="914217">
              <a:lnSpc>
                <a:spcPts val="1733"/>
              </a:lnSpc>
              <a:defRPr/>
            </a:pPr>
            <a:r>
              <a:rPr lang="en-AU" sz="1600">
                <a:ea typeface="Open Sans" panose="020B0606030504020204" pitchFamily="34" charset="0"/>
                <a:cs typeface="Arial" panose="020B0604020202020204" pitchFamily="34" charset="0"/>
              </a:rPr>
              <a:t>Quantitative system modelling. Actionable insights for specific shocks/stresses. </a:t>
            </a:r>
            <a:endParaRPr lang="en-US" sz="1600">
              <a:ea typeface="Open Sans" panose="020B0606030504020204" pitchFamily="34" charset="0"/>
              <a:cs typeface="Arial" panose="020B0604020202020204" pitchFamily="34" charset="0"/>
            </a:endParaRPr>
          </a:p>
        </p:txBody>
      </p:sp>
      <p:pic>
        <p:nvPicPr>
          <p:cNvPr id="47" name="Picture 46" descr="A picture containing map, text, screenshot, diagram&#10;&#10;Description automatically generated">
            <a:extLst>
              <a:ext uri="{FF2B5EF4-FFF2-40B4-BE49-F238E27FC236}">
                <a16:creationId xmlns:a16="http://schemas.microsoft.com/office/drawing/2014/main" id="{1F992132-5073-D5E2-97B2-85F701B2C7A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969096" y="4972050"/>
            <a:ext cx="1950546" cy="1230804"/>
          </a:xfrm>
          <a:prstGeom prst="rect">
            <a:avLst/>
          </a:prstGeom>
          <a:ln>
            <a:solidFill>
              <a:schemeClr val="bg2">
                <a:lumMod val="75000"/>
              </a:schemeClr>
            </a:solidFill>
          </a:ln>
        </p:spPr>
      </p:pic>
      <p:pic>
        <p:nvPicPr>
          <p:cNvPr id="52" name="Picture 51">
            <a:extLst>
              <a:ext uri="{FF2B5EF4-FFF2-40B4-BE49-F238E27FC236}">
                <a16:creationId xmlns:a16="http://schemas.microsoft.com/office/drawing/2014/main" id="{B9E566A4-2691-8DD7-F0AC-64FDC8968665}"/>
              </a:ext>
            </a:extLst>
          </p:cNvPr>
          <p:cNvPicPr>
            <a:picLocks noChangeAspect="1"/>
          </p:cNvPicPr>
          <p:nvPr/>
        </p:nvPicPr>
        <p:blipFill>
          <a:blip r:embed="rId4"/>
          <a:stretch>
            <a:fillRect/>
          </a:stretch>
        </p:blipFill>
        <p:spPr>
          <a:xfrm>
            <a:off x="5171152" y="5033558"/>
            <a:ext cx="1867245" cy="1132293"/>
          </a:xfrm>
          <a:prstGeom prst="rect">
            <a:avLst/>
          </a:prstGeom>
        </p:spPr>
      </p:pic>
      <p:cxnSp>
        <p:nvCxnSpPr>
          <p:cNvPr id="6" name="Straight Connector 5">
            <a:extLst>
              <a:ext uri="{FF2B5EF4-FFF2-40B4-BE49-F238E27FC236}">
                <a16:creationId xmlns:a16="http://schemas.microsoft.com/office/drawing/2014/main" id="{A08EFC90-93A9-7B85-FD22-275F7C968F91}"/>
              </a:ext>
            </a:extLst>
          </p:cNvPr>
          <p:cNvCxnSpPr/>
          <p:nvPr/>
        </p:nvCxnSpPr>
        <p:spPr>
          <a:xfrm>
            <a:off x="7718822" y="4535786"/>
            <a:ext cx="3733812" cy="0"/>
          </a:xfrm>
          <a:prstGeom prst="line">
            <a:avLst/>
          </a:prstGeom>
        </p:spPr>
        <p:style>
          <a:lnRef idx="1">
            <a:schemeClr val="dk1"/>
          </a:lnRef>
          <a:fillRef idx="0">
            <a:schemeClr val="dk1"/>
          </a:fillRef>
          <a:effectRef idx="0">
            <a:schemeClr val="dk1"/>
          </a:effectRef>
          <a:fontRef idx="minor">
            <a:schemeClr val="tx1"/>
          </a:fontRef>
        </p:style>
      </p:cxnSp>
      <p:pic>
        <p:nvPicPr>
          <p:cNvPr id="7" name="Picture 6">
            <a:extLst>
              <a:ext uri="{FF2B5EF4-FFF2-40B4-BE49-F238E27FC236}">
                <a16:creationId xmlns:a16="http://schemas.microsoft.com/office/drawing/2014/main" id="{7362A826-2912-A891-3C0B-8B13196C732F}"/>
              </a:ext>
            </a:extLst>
          </p:cNvPr>
          <p:cNvPicPr>
            <a:picLocks noChangeAspect="1"/>
          </p:cNvPicPr>
          <p:nvPr/>
        </p:nvPicPr>
        <p:blipFill>
          <a:blip r:embed="rId5"/>
          <a:stretch>
            <a:fillRect/>
          </a:stretch>
        </p:blipFill>
        <p:spPr>
          <a:xfrm>
            <a:off x="491514" y="4465464"/>
            <a:ext cx="2302862" cy="1999854"/>
          </a:xfrm>
          <a:prstGeom prst="rect">
            <a:avLst/>
          </a:prstGeom>
        </p:spPr>
      </p:pic>
    </p:spTree>
    <p:extLst>
      <p:ext uri="{BB962C8B-B14F-4D97-AF65-F5344CB8AC3E}">
        <p14:creationId xmlns:p14="http://schemas.microsoft.com/office/powerpoint/2010/main" val="286092109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76F9A18-7F3A-127E-E45F-F62D00B2A750}"/>
            </a:ext>
          </a:extLst>
        </p:cNvPr>
        <p:cNvGrpSpPr/>
        <p:nvPr/>
      </p:nvGrpSpPr>
      <p:grpSpPr>
        <a:xfrm>
          <a:off x="0" y="0"/>
          <a:ext cx="0" cy="0"/>
          <a:chOff x="0" y="0"/>
          <a:chExt cx="0" cy="0"/>
        </a:xfrm>
      </p:grpSpPr>
      <p:pic>
        <p:nvPicPr>
          <p:cNvPr id="13" name="Imagen 12" descr="Imagen que contiene agua, montaña, barco, grande&#10;&#10;El contenido generado por IA puede ser incorrecto.">
            <a:extLst>
              <a:ext uri="{FF2B5EF4-FFF2-40B4-BE49-F238E27FC236}">
                <a16:creationId xmlns:a16="http://schemas.microsoft.com/office/drawing/2014/main" id="{04668D4E-C36E-99D7-F2CA-FC67F73CC712}"/>
              </a:ext>
            </a:extLst>
          </p:cNvPr>
          <p:cNvPicPr>
            <a:picLocks noChangeAspect="1"/>
          </p:cNvPicPr>
          <p:nvPr/>
        </p:nvPicPr>
        <p:blipFill>
          <a:blip r:embed="rId2">
            <a:extLst>
              <a:ext uri="{28A0092B-C50C-407E-A947-70E740481C1C}">
                <a14:useLocalDpi xmlns:a14="http://schemas.microsoft.com/office/drawing/2010/main" val="0"/>
              </a:ext>
            </a:extLst>
          </a:blip>
          <a:srcRect r="1042" b="1042"/>
          <a:stretch/>
        </p:blipFill>
        <p:spPr>
          <a:xfrm>
            <a:off x="1185" y="9196"/>
            <a:ext cx="12190815" cy="6858000"/>
          </a:xfrm>
          <a:prstGeom prst="rect">
            <a:avLst/>
          </a:prstGeom>
        </p:spPr>
      </p:pic>
      <p:sp>
        <p:nvSpPr>
          <p:cNvPr id="2" name="Title 1">
            <a:extLst>
              <a:ext uri="{FF2B5EF4-FFF2-40B4-BE49-F238E27FC236}">
                <a16:creationId xmlns:a16="http://schemas.microsoft.com/office/drawing/2014/main" id="{F1C3AC23-118F-B95A-9FBC-2FBFCF928494}"/>
              </a:ext>
            </a:extLst>
          </p:cNvPr>
          <p:cNvSpPr>
            <a:spLocks noGrp="1"/>
          </p:cNvSpPr>
          <p:nvPr>
            <p:ph type="title"/>
          </p:nvPr>
        </p:nvSpPr>
        <p:spPr/>
        <p:txBody>
          <a:bodyPr/>
          <a:lstStyle/>
          <a:p>
            <a:r>
              <a:rPr lang="en-GB" dirty="0">
                <a:solidFill>
                  <a:schemeClr val="tx1"/>
                </a:solidFill>
              </a:rPr>
              <a:t>5. The outcomes we want to see</a:t>
            </a:r>
            <a:br>
              <a:rPr lang="en-GB" dirty="0">
                <a:solidFill>
                  <a:schemeClr val="tx1"/>
                </a:solidFill>
              </a:rPr>
            </a:br>
            <a:br>
              <a:rPr lang="en-GB" dirty="0">
                <a:solidFill>
                  <a:schemeClr val="tx1"/>
                </a:solidFill>
              </a:rPr>
            </a:br>
            <a:br>
              <a:rPr lang="en-GB" dirty="0">
                <a:solidFill>
                  <a:schemeClr val="tx1"/>
                </a:solidFill>
              </a:rPr>
            </a:br>
            <a:br>
              <a:rPr lang="en-GB" dirty="0">
                <a:solidFill>
                  <a:schemeClr val="tx1"/>
                </a:solidFill>
              </a:rPr>
            </a:br>
            <a:endParaRPr lang="en-GB" dirty="0">
              <a:solidFill>
                <a:schemeClr val="tx1"/>
              </a:solidFill>
            </a:endParaRPr>
          </a:p>
        </p:txBody>
      </p:sp>
    </p:spTree>
    <p:extLst>
      <p:ext uri="{BB962C8B-B14F-4D97-AF65-F5344CB8AC3E}">
        <p14:creationId xmlns:p14="http://schemas.microsoft.com/office/powerpoint/2010/main" val="348610756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A5885B-6507-DB4C-E6F6-A3FA6CE05CF9}"/>
            </a:ext>
          </a:extLst>
        </p:cNvPr>
        <p:cNvGrpSpPr/>
        <p:nvPr/>
      </p:nvGrpSpPr>
      <p:grpSpPr>
        <a:xfrm>
          <a:off x="0" y="0"/>
          <a:ext cx="0" cy="0"/>
          <a:chOff x="0" y="0"/>
          <a:chExt cx="0" cy="0"/>
        </a:xfrm>
      </p:grpSpPr>
      <p:sp>
        <p:nvSpPr>
          <p:cNvPr id="3" name="Título 2">
            <a:extLst>
              <a:ext uri="{FF2B5EF4-FFF2-40B4-BE49-F238E27FC236}">
                <a16:creationId xmlns:a16="http://schemas.microsoft.com/office/drawing/2014/main" id="{B9691F97-CB33-66AE-DBCA-0253B31DBD0B}"/>
              </a:ext>
            </a:extLst>
          </p:cNvPr>
          <p:cNvSpPr>
            <a:spLocks noGrp="1"/>
          </p:cNvSpPr>
          <p:nvPr>
            <p:ph type="title"/>
          </p:nvPr>
        </p:nvSpPr>
        <p:spPr/>
        <p:txBody>
          <a:bodyPr/>
          <a:lstStyle/>
          <a:p>
            <a:pPr>
              <a:lnSpc>
                <a:spcPts val="4100"/>
              </a:lnSpc>
            </a:pPr>
            <a:r>
              <a:rPr lang="es-ES" dirty="0"/>
              <a:t>Safe and connected communities </a:t>
            </a:r>
          </a:p>
        </p:txBody>
      </p:sp>
      <p:sp>
        <p:nvSpPr>
          <p:cNvPr id="5" name="Marcador de texto 4">
            <a:extLst>
              <a:ext uri="{FF2B5EF4-FFF2-40B4-BE49-F238E27FC236}">
                <a16:creationId xmlns:a16="http://schemas.microsoft.com/office/drawing/2014/main" id="{12F0EF7A-C7EE-45B6-53FA-DEF0C28F9AE5}"/>
              </a:ext>
            </a:extLst>
          </p:cNvPr>
          <p:cNvSpPr>
            <a:spLocks noGrp="1"/>
          </p:cNvSpPr>
          <p:nvPr>
            <p:ph type="body" sz="quarter" idx="25"/>
          </p:nvPr>
        </p:nvSpPr>
        <p:spPr>
          <a:xfrm>
            <a:off x="658813" y="1811338"/>
            <a:ext cx="5089524" cy="4354512"/>
          </a:xfrm>
        </p:spPr>
        <p:txBody>
          <a:bodyPr tIns="180000" bIns="0"/>
          <a:lstStyle/>
          <a:p>
            <a:pPr marL="0" indent="0">
              <a:buNone/>
            </a:pPr>
            <a:r>
              <a:rPr lang="en-GB" sz="1800" dirty="0"/>
              <a:t>Imagine infrastructure networks that keep communities safe and connected, even as demand increases, infrastructure ages, storms become more extreme</a:t>
            </a:r>
            <a:br>
              <a:rPr lang="en-GB" sz="1800" dirty="0"/>
            </a:br>
            <a:r>
              <a:rPr lang="en-GB" sz="1800" dirty="0"/>
              <a:t>and temperatures rise. This is what resilience looks</a:t>
            </a:r>
            <a:br>
              <a:rPr lang="en-GB" sz="1800" dirty="0"/>
            </a:br>
            <a:r>
              <a:rPr lang="en-GB" sz="1800" dirty="0"/>
              <a:t>like when we adapt together. ​​</a:t>
            </a:r>
          </a:p>
          <a:p>
            <a:pPr marL="0" indent="0">
              <a:buNone/>
            </a:pPr>
            <a:r>
              <a:rPr lang="en-GB" sz="1800" dirty="0"/>
              <a:t>Our infrastructure systems are the backbone of our communities, local businesses, and essential services. </a:t>
            </a:r>
          </a:p>
          <a:p>
            <a:pPr marL="0" indent="0">
              <a:buNone/>
            </a:pPr>
            <a:endParaRPr lang="en-GB" sz="1800" dirty="0"/>
          </a:p>
        </p:txBody>
      </p:sp>
      <p:cxnSp>
        <p:nvCxnSpPr>
          <p:cNvPr id="13" name="Conector recto 12">
            <a:extLst>
              <a:ext uri="{FF2B5EF4-FFF2-40B4-BE49-F238E27FC236}">
                <a16:creationId xmlns:a16="http://schemas.microsoft.com/office/drawing/2014/main" id="{5C6C4D1A-8189-D66D-1F91-64726F2C926F}"/>
              </a:ext>
            </a:extLst>
          </p:cNvPr>
          <p:cNvCxnSpPr>
            <a:cxnSpLocks/>
          </p:cNvCxnSpPr>
          <p:nvPr/>
        </p:nvCxnSpPr>
        <p:spPr>
          <a:xfrm>
            <a:off x="658813" y="1818694"/>
            <a:ext cx="5089524"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Marcador de texto 5">
            <a:extLst>
              <a:ext uri="{FF2B5EF4-FFF2-40B4-BE49-F238E27FC236}">
                <a16:creationId xmlns:a16="http://schemas.microsoft.com/office/drawing/2014/main" id="{5F0B97E2-15D5-C3E9-4C35-162B0A140CDB}"/>
              </a:ext>
            </a:extLst>
          </p:cNvPr>
          <p:cNvSpPr>
            <a:spLocks noGrp="1"/>
          </p:cNvSpPr>
          <p:nvPr>
            <p:ph type="body" sz="quarter" idx="28"/>
          </p:nvPr>
        </p:nvSpPr>
        <p:spPr>
          <a:xfrm rot="16200000">
            <a:off x="9742702" y="4422823"/>
            <a:ext cx="4356125" cy="120705"/>
          </a:xfrm>
        </p:spPr>
        <p:txBody>
          <a:bodyPr/>
          <a:lstStyle/>
          <a:p>
            <a:endParaRPr lang="es-ES"/>
          </a:p>
        </p:txBody>
      </p:sp>
      <p:pic>
        <p:nvPicPr>
          <p:cNvPr id="18" name="Picture Placeholder 10" descr="A video game of a road with cars and trees&#10;&#10;AI-generated content may be incorrect.">
            <a:extLst>
              <a:ext uri="{FF2B5EF4-FFF2-40B4-BE49-F238E27FC236}">
                <a16:creationId xmlns:a16="http://schemas.microsoft.com/office/drawing/2014/main" id="{6CD13A78-935D-8395-966B-A80AC9EABE30}"/>
              </a:ext>
            </a:extLst>
          </p:cNvPr>
          <p:cNvPicPr>
            <a:picLocks noChangeAspect="1"/>
          </p:cNvPicPr>
          <p:nvPr/>
        </p:nvPicPr>
        <p:blipFill>
          <a:blip r:embed="rId3">
            <a:extLst>
              <a:ext uri="{28A0092B-C50C-407E-A947-70E740481C1C}">
                <a14:useLocalDpi xmlns:a14="http://schemas.microsoft.com/office/drawing/2010/main" val="0"/>
              </a:ext>
            </a:extLst>
          </a:blip>
          <a:srcRect l="27777" r="23155"/>
          <a:stretch/>
        </p:blipFill>
        <p:spPr>
          <a:xfrm>
            <a:off x="6213477" y="0"/>
            <a:ext cx="5981697" cy="6858000"/>
          </a:xfrm>
          <a:prstGeom prst="rect">
            <a:avLst/>
          </a:prstGeom>
        </p:spPr>
      </p:pic>
      <p:pic>
        <p:nvPicPr>
          <p:cNvPr id="19" name="Graphic 5">
            <a:extLst>
              <a:ext uri="{FF2B5EF4-FFF2-40B4-BE49-F238E27FC236}">
                <a16:creationId xmlns:a16="http://schemas.microsoft.com/office/drawing/2014/main" id="{CCADC5D7-BC67-95E2-BDA5-3E60FC012724}"/>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47621470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4121504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0637497-46CE-B82A-DEB3-505409540FB1}"/>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CED3B6C6-1CF5-8DD7-B271-A3212B98696D}"/>
              </a:ext>
            </a:extLst>
          </p:cNvPr>
          <p:cNvSpPr>
            <a:spLocks noGrp="1"/>
          </p:cNvSpPr>
          <p:nvPr>
            <p:ph type="title"/>
          </p:nvPr>
        </p:nvSpPr>
        <p:spPr>
          <a:xfrm>
            <a:off x="658811" y="657225"/>
            <a:ext cx="7552792" cy="532800"/>
          </a:xfrm>
        </p:spPr>
        <p:txBody>
          <a:bodyPr/>
          <a:lstStyle/>
          <a:p>
            <a:r>
              <a:rPr lang="en-US" dirty="0"/>
              <a:t>The Resilience Journey</a:t>
            </a:r>
            <a:br>
              <a:rPr lang="en-US" dirty="0"/>
            </a:br>
            <a:r>
              <a:rPr lang="en-US" dirty="0"/>
              <a:t>for road, rail and energy networks</a:t>
            </a:r>
          </a:p>
        </p:txBody>
      </p:sp>
      <p:pic>
        <p:nvPicPr>
          <p:cNvPr id="7" name="Picture 6">
            <a:extLst>
              <a:ext uri="{FF2B5EF4-FFF2-40B4-BE49-F238E27FC236}">
                <a16:creationId xmlns:a16="http://schemas.microsoft.com/office/drawing/2014/main" id="{1E8D38B4-2C5A-DBF3-12DE-731C4AE1FFB5}"/>
              </a:ext>
            </a:extLst>
          </p:cNvPr>
          <p:cNvPicPr>
            <a:picLocks noChangeAspect="1"/>
          </p:cNvPicPr>
          <p:nvPr/>
        </p:nvPicPr>
        <p:blipFill>
          <a:blip r:embed="rId3"/>
          <a:stretch>
            <a:fillRect/>
          </a:stretch>
        </p:blipFill>
        <p:spPr>
          <a:xfrm>
            <a:off x="3172567" y="1767399"/>
            <a:ext cx="8861389" cy="5090601"/>
          </a:xfrm>
          <a:prstGeom prst="rect">
            <a:avLst/>
          </a:prstGeom>
        </p:spPr>
      </p:pic>
      <p:grpSp>
        <p:nvGrpSpPr>
          <p:cNvPr id="9" name="Group 8">
            <a:extLst>
              <a:ext uri="{FF2B5EF4-FFF2-40B4-BE49-F238E27FC236}">
                <a16:creationId xmlns:a16="http://schemas.microsoft.com/office/drawing/2014/main" id="{20EDF673-EB21-3BB0-B2CC-9B63C69206F5}"/>
              </a:ext>
            </a:extLst>
          </p:cNvPr>
          <p:cNvGrpSpPr/>
          <p:nvPr/>
        </p:nvGrpSpPr>
        <p:grpSpPr>
          <a:xfrm>
            <a:off x="4371027" y="5460551"/>
            <a:ext cx="939784" cy="915253"/>
            <a:chOff x="4140910" y="4027442"/>
            <a:chExt cx="1802953" cy="1755891"/>
          </a:xfrm>
          <a:solidFill>
            <a:schemeClr val="tx2">
              <a:lumMod val="20000"/>
              <a:lumOff val="80000"/>
            </a:schemeClr>
          </a:solidFill>
        </p:grpSpPr>
        <p:sp>
          <p:nvSpPr>
            <p:cNvPr id="10" name="Oval Callout 26">
              <a:extLst>
                <a:ext uri="{FF2B5EF4-FFF2-40B4-BE49-F238E27FC236}">
                  <a16:creationId xmlns:a16="http://schemas.microsoft.com/office/drawing/2014/main" id="{E8BE8BF1-F356-DCBF-40FD-E3600B643B53}"/>
                </a:ext>
              </a:extLst>
            </p:cNvPr>
            <p:cNvSpPr/>
            <p:nvPr/>
          </p:nvSpPr>
          <p:spPr>
            <a:xfrm>
              <a:off x="4207023" y="4079715"/>
              <a:ext cx="1736840" cy="1703618"/>
            </a:xfrm>
            <a:prstGeom prst="wedgeEllipseCallout">
              <a:avLst>
                <a:gd name="adj1" fmla="val -5527"/>
                <a:gd name="adj2" fmla="val 67378"/>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11" name="Oval Callout 10">
              <a:extLst>
                <a:ext uri="{FF2B5EF4-FFF2-40B4-BE49-F238E27FC236}">
                  <a16:creationId xmlns:a16="http://schemas.microsoft.com/office/drawing/2014/main" id="{233D72B9-1276-165A-ED5F-DA33AEE72158}"/>
                </a:ext>
              </a:extLst>
            </p:cNvPr>
            <p:cNvSpPr/>
            <p:nvPr/>
          </p:nvSpPr>
          <p:spPr>
            <a:xfrm>
              <a:off x="4155262" y="4027442"/>
              <a:ext cx="1736840" cy="1703618"/>
            </a:xfrm>
            <a:prstGeom prst="wedgeEllipseCallout">
              <a:avLst>
                <a:gd name="adj1" fmla="val -5527"/>
                <a:gd name="adj2" fmla="val 67378"/>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12" name="TextBox 11">
              <a:extLst>
                <a:ext uri="{FF2B5EF4-FFF2-40B4-BE49-F238E27FC236}">
                  <a16:creationId xmlns:a16="http://schemas.microsoft.com/office/drawing/2014/main" id="{D406F1D6-D628-2D11-761E-0510D4E85229}"/>
                </a:ext>
              </a:extLst>
            </p:cNvPr>
            <p:cNvSpPr txBox="1"/>
            <p:nvPr/>
          </p:nvSpPr>
          <p:spPr>
            <a:xfrm>
              <a:off x="4140910" y="4759673"/>
              <a:ext cx="1735906" cy="338554"/>
            </a:xfrm>
            <a:prstGeom prst="rect">
              <a:avLst/>
            </a:prstGeom>
            <a:grpFill/>
          </p:spPr>
          <p:txBody>
            <a:bodyPr wrap="square" numCol="1" spcCol="0" rtlCol="0" anchor="ctr">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FFFFFF">
                      <a:lumMod val="95000"/>
                    </a:srgbClr>
                  </a:solidFill>
                  <a:effectLst/>
                  <a:uLnTx/>
                  <a:uFillTx/>
                  <a:latin typeface="Times New Roman" panose="02020603050405020304"/>
                  <a:ea typeface="Montserrat Light" charset="0"/>
                  <a:cs typeface="Arial" panose="020B0604020202020204" pitchFamily="34" charset="0"/>
                </a:rPr>
                <a:t>1</a:t>
              </a:r>
            </a:p>
          </p:txBody>
        </p:sp>
      </p:grpSp>
      <p:grpSp>
        <p:nvGrpSpPr>
          <p:cNvPr id="13" name="Group 12">
            <a:extLst>
              <a:ext uri="{FF2B5EF4-FFF2-40B4-BE49-F238E27FC236}">
                <a16:creationId xmlns:a16="http://schemas.microsoft.com/office/drawing/2014/main" id="{8B5A7CE0-731B-45FD-60B4-DEC6C6C5F80B}"/>
              </a:ext>
            </a:extLst>
          </p:cNvPr>
          <p:cNvGrpSpPr/>
          <p:nvPr/>
        </p:nvGrpSpPr>
        <p:grpSpPr>
          <a:xfrm>
            <a:off x="8070949" y="2578975"/>
            <a:ext cx="941832" cy="914400"/>
            <a:chOff x="7931436" y="692804"/>
            <a:chExt cx="1562037" cy="1533661"/>
          </a:xfrm>
          <a:solidFill>
            <a:schemeClr val="tx2">
              <a:lumMod val="60000"/>
              <a:lumOff val="40000"/>
            </a:schemeClr>
          </a:solidFill>
        </p:grpSpPr>
        <p:sp>
          <p:nvSpPr>
            <p:cNvPr id="14" name="Oval Callout 28">
              <a:extLst>
                <a:ext uri="{FF2B5EF4-FFF2-40B4-BE49-F238E27FC236}">
                  <a16:creationId xmlns:a16="http://schemas.microsoft.com/office/drawing/2014/main" id="{2E217119-0E5F-A5ED-0C8A-BD66A1D9864F}"/>
                </a:ext>
              </a:extLst>
            </p:cNvPr>
            <p:cNvSpPr/>
            <p:nvPr/>
          </p:nvSpPr>
          <p:spPr>
            <a:xfrm>
              <a:off x="7983197" y="745077"/>
              <a:ext cx="1510276" cy="1481388"/>
            </a:xfrm>
            <a:prstGeom prst="wedgeEllipseCallout">
              <a:avLst>
                <a:gd name="adj1" fmla="val -5527"/>
                <a:gd name="adj2" fmla="val 67378"/>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15" name="Oval Callout 18">
              <a:extLst>
                <a:ext uri="{FF2B5EF4-FFF2-40B4-BE49-F238E27FC236}">
                  <a16:creationId xmlns:a16="http://schemas.microsoft.com/office/drawing/2014/main" id="{7E52412A-77E8-FD47-B07C-C2248FA82378}"/>
                </a:ext>
              </a:extLst>
            </p:cNvPr>
            <p:cNvSpPr/>
            <p:nvPr/>
          </p:nvSpPr>
          <p:spPr>
            <a:xfrm>
              <a:off x="7931436" y="692804"/>
              <a:ext cx="1510276" cy="1481388"/>
            </a:xfrm>
            <a:prstGeom prst="wedgeEllipseCallout">
              <a:avLst>
                <a:gd name="adj1" fmla="val -5527"/>
                <a:gd name="adj2" fmla="val 67378"/>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16" name="TextBox 15">
              <a:extLst>
                <a:ext uri="{FF2B5EF4-FFF2-40B4-BE49-F238E27FC236}">
                  <a16:creationId xmlns:a16="http://schemas.microsoft.com/office/drawing/2014/main" id="{E6D3C2CC-7C2E-0913-BA92-B159A509DBC4}"/>
                </a:ext>
              </a:extLst>
            </p:cNvPr>
            <p:cNvSpPr txBox="1"/>
            <p:nvPr/>
          </p:nvSpPr>
          <p:spPr>
            <a:xfrm>
              <a:off x="7968597" y="1268304"/>
              <a:ext cx="1473115" cy="338554"/>
            </a:xfrm>
            <a:prstGeom prst="rect">
              <a:avLst/>
            </a:prstGeom>
            <a:grpFill/>
          </p:spPr>
          <p:txBody>
            <a:bodyPr wrap="square" numCol="1" spcCol="0" rtlCol="0" anchor="ctr">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FFFFFF">
                      <a:lumMod val="95000"/>
                    </a:srgbClr>
                  </a:solidFill>
                  <a:effectLst/>
                  <a:uLnTx/>
                  <a:uFillTx/>
                  <a:latin typeface="Times New Roman" panose="02020603050405020304"/>
                  <a:ea typeface="Montserrat Light" charset="0"/>
                  <a:cs typeface="Arial" panose="020B0604020202020204" pitchFamily="34" charset="0"/>
                </a:rPr>
                <a:t>3</a:t>
              </a:r>
            </a:p>
          </p:txBody>
        </p:sp>
      </p:grpSp>
      <p:grpSp>
        <p:nvGrpSpPr>
          <p:cNvPr id="17" name="Group 16">
            <a:extLst>
              <a:ext uri="{FF2B5EF4-FFF2-40B4-BE49-F238E27FC236}">
                <a16:creationId xmlns:a16="http://schemas.microsoft.com/office/drawing/2014/main" id="{FEA9BC60-C99D-5BDF-8289-8AF489B897F3}"/>
              </a:ext>
            </a:extLst>
          </p:cNvPr>
          <p:cNvGrpSpPr/>
          <p:nvPr/>
        </p:nvGrpSpPr>
        <p:grpSpPr>
          <a:xfrm>
            <a:off x="7403639" y="4546151"/>
            <a:ext cx="941832" cy="914400"/>
            <a:chOff x="5809779" y="2109939"/>
            <a:chExt cx="1788601" cy="1755891"/>
          </a:xfrm>
          <a:solidFill>
            <a:schemeClr val="tx2">
              <a:lumMod val="40000"/>
              <a:lumOff val="60000"/>
            </a:schemeClr>
          </a:solidFill>
        </p:grpSpPr>
        <p:sp>
          <p:nvSpPr>
            <p:cNvPr id="18" name="Oval Callout 27">
              <a:extLst>
                <a:ext uri="{FF2B5EF4-FFF2-40B4-BE49-F238E27FC236}">
                  <a16:creationId xmlns:a16="http://schemas.microsoft.com/office/drawing/2014/main" id="{5187F581-343A-F4CB-C2AA-0FF4C0FA2332}"/>
                </a:ext>
              </a:extLst>
            </p:cNvPr>
            <p:cNvSpPr/>
            <p:nvPr/>
          </p:nvSpPr>
          <p:spPr>
            <a:xfrm>
              <a:off x="5861540" y="2162212"/>
              <a:ext cx="1736840" cy="1703618"/>
            </a:xfrm>
            <a:prstGeom prst="wedgeEllipseCallout">
              <a:avLst>
                <a:gd name="adj1" fmla="val -5527"/>
                <a:gd name="adj2" fmla="val 67378"/>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19" name="Oval Callout 14">
              <a:extLst>
                <a:ext uri="{FF2B5EF4-FFF2-40B4-BE49-F238E27FC236}">
                  <a16:creationId xmlns:a16="http://schemas.microsoft.com/office/drawing/2014/main" id="{7ED9BF89-BCA6-8BB7-062F-E5C85155678D}"/>
                </a:ext>
              </a:extLst>
            </p:cNvPr>
            <p:cNvSpPr/>
            <p:nvPr/>
          </p:nvSpPr>
          <p:spPr>
            <a:xfrm>
              <a:off x="5809779" y="2109939"/>
              <a:ext cx="1736840" cy="1703618"/>
            </a:xfrm>
            <a:prstGeom prst="wedgeEllipseCallout">
              <a:avLst>
                <a:gd name="adj1" fmla="val -5527"/>
                <a:gd name="adj2" fmla="val 67378"/>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20" name="TextBox 19">
              <a:extLst>
                <a:ext uri="{FF2B5EF4-FFF2-40B4-BE49-F238E27FC236}">
                  <a16:creationId xmlns:a16="http://schemas.microsoft.com/office/drawing/2014/main" id="{284F9554-14F5-7160-E49B-D97EE6EF7629}"/>
                </a:ext>
              </a:extLst>
            </p:cNvPr>
            <p:cNvSpPr txBox="1"/>
            <p:nvPr/>
          </p:nvSpPr>
          <p:spPr>
            <a:xfrm>
              <a:off x="6012241" y="2787704"/>
              <a:ext cx="1331916" cy="393311"/>
            </a:xfrm>
            <a:prstGeom prst="rect">
              <a:avLst/>
            </a:prstGeom>
            <a:grpFill/>
          </p:spPr>
          <p:txBody>
            <a:bodyPr wrap="square" numCol="1" spcCol="0" rtlCol="0" anchor="ctr">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FFFFFF">
                      <a:lumMod val="95000"/>
                    </a:srgbClr>
                  </a:solidFill>
                  <a:effectLst/>
                  <a:uLnTx/>
                  <a:uFillTx/>
                  <a:latin typeface="Times New Roman" panose="02020603050405020304"/>
                  <a:ea typeface="Montserrat Light" charset="0"/>
                  <a:cs typeface="Arial" panose="020B0604020202020204" pitchFamily="34" charset="0"/>
                </a:rPr>
                <a:t>2</a:t>
              </a:r>
            </a:p>
          </p:txBody>
        </p:sp>
      </p:grpSp>
      <p:grpSp>
        <p:nvGrpSpPr>
          <p:cNvPr id="21" name="Group 20">
            <a:extLst>
              <a:ext uri="{FF2B5EF4-FFF2-40B4-BE49-F238E27FC236}">
                <a16:creationId xmlns:a16="http://schemas.microsoft.com/office/drawing/2014/main" id="{EDFB1B10-5A94-1E26-BA9C-02943933BFC1}"/>
              </a:ext>
            </a:extLst>
          </p:cNvPr>
          <p:cNvGrpSpPr/>
          <p:nvPr/>
        </p:nvGrpSpPr>
        <p:grpSpPr>
          <a:xfrm>
            <a:off x="10063422" y="852999"/>
            <a:ext cx="932269" cy="914400"/>
            <a:chOff x="10141032" y="308326"/>
            <a:chExt cx="1490018" cy="1463020"/>
          </a:xfrm>
          <a:solidFill>
            <a:schemeClr val="tx2">
              <a:lumMod val="75000"/>
            </a:schemeClr>
          </a:solidFill>
        </p:grpSpPr>
        <p:sp>
          <p:nvSpPr>
            <p:cNvPr id="22" name="Oval Callout 29">
              <a:extLst>
                <a:ext uri="{FF2B5EF4-FFF2-40B4-BE49-F238E27FC236}">
                  <a16:creationId xmlns:a16="http://schemas.microsoft.com/office/drawing/2014/main" id="{55BB62A6-4EDE-D1A5-E270-D8FF1745B79F}"/>
                </a:ext>
              </a:extLst>
            </p:cNvPr>
            <p:cNvSpPr/>
            <p:nvPr/>
          </p:nvSpPr>
          <p:spPr>
            <a:xfrm>
              <a:off x="10192793" y="360599"/>
              <a:ext cx="1438257" cy="1410747"/>
            </a:xfrm>
            <a:prstGeom prst="wedgeEllipseCallout">
              <a:avLst>
                <a:gd name="adj1" fmla="val -5527"/>
                <a:gd name="adj2" fmla="val 67378"/>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23" name="Oval Callout 22">
              <a:extLst>
                <a:ext uri="{FF2B5EF4-FFF2-40B4-BE49-F238E27FC236}">
                  <a16:creationId xmlns:a16="http://schemas.microsoft.com/office/drawing/2014/main" id="{3CCEC350-8144-D288-2B94-16873CA40B92}"/>
                </a:ext>
              </a:extLst>
            </p:cNvPr>
            <p:cNvSpPr/>
            <p:nvPr/>
          </p:nvSpPr>
          <p:spPr>
            <a:xfrm>
              <a:off x="10141032" y="308326"/>
              <a:ext cx="1438257" cy="1410747"/>
            </a:xfrm>
            <a:prstGeom prst="wedgeEllipseCallout">
              <a:avLst>
                <a:gd name="adj1" fmla="val -5527"/>
                <a:gd name="adj2" fmla="val 67378"/>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24" name="TextBox 23">
              <a:extLst>
                <a:ext uri="{FF2B5EF4-FFF2-40B4-BE49-F238E27FC236}">
                  <a16:creationId xmlns:a16="http://schemas.microsoft.com/office/drawing/2014/main" id="{6C90C84B-E90C-EF00-D44D-14CFB9E42A1A}"/>
                </a:ext>
              </a:extLst>
            </p:cNvPr>
            <p:cNvSpPr txBox="1"/>
            <p:nvPr/>
          </p:nvSpPr>
          <p:spPr>
            <a:xfrm>
              <a:off x="10321581" y="696495"/>
              <a:ext cx="1131889" cy="541679"/>
            </a:xfrm>
            <a:prstGeom prst="rect">
              <a:avLst/>
            </a:prstGeom>
            <a:grpFill/>
          </p:spPr>
          <p:txBody>
            <a:bodyPr wrap="square" numCol="1" spcCol="0" rtlCol="0" anchor="ctr">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600">
                  <a:solidFill>
                    <a:srgbClr val="FFFFFF">
                      <a:lumMod val="95000"/>
                    </a:srgbClr>
                  </a:solidFill>
                  <a:latin typeface="Times New Roman" panose="02020603050405020304"/>
                  <a:ea typeface="Montserrat Light" charset="0"/>
                  <a:cs typeface="Arial" panose="020B0604020202020204" pitchFamily="34" charset="0"/>
                </a:rPr>
                <a:t>4</a:t>
              </a:r>
              <a:endParaRPr kumimoji="0" lang="en-US" sz="1600" b="0" i="0" u="none" strike="noStrike" kern="1200" cap="none" spc="0" normalizeH="0" baseline="0" noProof="0">
                <a:ln>
                  <a:noFill/>
                </a:ln>
                <a:solidFill>
                  <a:srgbClr val="FFFFFF">
                    <a:lumMod val="95000"/>
                  </a:srgbClr>
                </a:solidFill>
                <a:effectLst/>
                <a:uLnTx/>
                <a:uFillTx/>
                <a:latin typeface="Times New Roman" panose="02020603050405020304"/>
                <a:ea typeface="Montserrat Light" charset="0"/>
                <a:cs typeface="Arial" panose="020B0604020202020204" pitchFamily="34" charset="0"/>
              </a:endParaRPr>
            </a:p>
          </p:txBody>
        </p:sp>
      </p:grpSp>
      <p:sp>
        <p:nvSpPr>
          <p:cNvPr id="25" name="Oval 24">
            <a:extLst>
              <a:ext uri="{FF2B5EF4-FFF2-40B4-BE49-F238E27FC236}">
                <a16:creationId xmlns:a16="http://schemas.microsoft.com/office/drawing/2014/main" id="{28F5B852-2E79-3078-159D-35096708B336}"/>
              </a:ext>
            </a:extLst>
          </p:cNvPr>
          <p:cNvSpPr/>
          <p:nvPr/>
        </p:nvSpPr>
        <p:spPr>
          <a:xfrm>
            <a:off x="510259" y="1947804"/>
            <a:ext cx="512956" cy="488910"/>
          </a:xfrm>
          <a:prstGeom prst="ellipse">
            <a:avLst/>
          </a:prstGeom>
          <a:solidFill>
            <a:schemeClr val="tx2">
              <a:lumMod val="20000"/>
              <a:lumOff val="8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32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26" name="Oval 25">
            <a:extLst>
              <a:ext uri="{FF2B5EF4-FFF2-40B4-BE49-F238E27FC236}">
                <a16:creationId xmlns:a16="http://schemas.microsoft.com/office/drawing/2014/main" id="{662D533F-583C-1B08-B2DB-1231D17CBCDC}"/>
              </a:ext>
            </a:extLst>
          </p:cNvPr>
          <p:cNvSpPr/>
          <p:nvPr/>
        </p:nvSpPr>
        <p:spPr>
          <a:xfrm>
            <a:off x="510259" y="2686700"/>
            <a:ext cx="512956" cy="488910"/>
          </a:xfrm>
          <a:prstGeom prst="ellipse">
            <a:avLst/>
          </a:prstGeom>
          <a:solidFill>
            <a:schemeClr val="tx2">
              <a:lumMod val="40000"/>
              <a:lumOff val="6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32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27" name="Oval 26">
            <a:extLst>
              <a:ext uri="{FF2B5EF4-FFF2-40B4-BE49-F238E27FC236}">
                <a16:creationId xmlns:a16="http://schemas.microsoft.com/office/drawing/2014/main" id="{833CE0B3-2B6B-78C2-81B4-554051C0126E}"/>
              </a:ext>
            </a:extLst>
          </p:cNvPr>
          <p:cNvSpPr/>
          <p:nvPr/>
        </p:nvSpPr>
        <p:spPr>
          <a:xfrm>
            <a:off x="510259" y="3436532"/>
            <a:ext cx="512956" cy="488910"/>
          </a:xfrm>
          <a:prstGeom prst="ellipse">
            <a:avLst/>
          </a:prstGeom>
          <a:solidFill>
            <a:schemeClr val="tx2">
              <a:lumMod val="60000"/>
              <a:lumOff val="4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32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28" name="Oval 27">
            <a:extLst>
              <a:ext uri="{FF2B5EF4-FFF2-40B4-BE49-F238E27FC236}">
                <a16:creationId xmlns:a16="http://schemas.microsoft.com/office/drawing/2014/main" id="{9366018C-FBCA-A982-2FC6-B26B080B72DC}"/>
              </a:ext>
            </a:extLst>
          </p:cNvPr>
          <p:cNvSpPr/>
          <p:nvPr/>
        </p:nvSpPr>
        <p:spPr>
          <a:xfrm>
            <a:off x="510259" y="4200518"/>
            <a:ext cx="512956" cy="488910"/>
          </a:xfrm>
          <a:prstGeom prst="ellipse">
            <a:avLst/>
          </a:prstGeom>
          <a:solidFill>
            <a:schemeClr val="tx2">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3200" b="0" i="0" u="none" strike="noStrike" kern="1200" cap="none" spc="0" normalizeH="0" baseline="0" noProof="0">
              <a:ln>
                <a:noFill/>
              </a:ln>
              <a:solidFill>
                <a:srgbClr val="FFFFFF"/>
              </a:solidFill>
              <a:effectLst/>
              <a:uLnTx/>
              <a:uFillTx/>
              <a:latin typeface="Times New Roman" panose="02020603050405020304"/>
              <a:ea typeface="+mn-ea"/>
              <a:cs typeface="+mn-cs"/>
            </a:endParaRPr>
          </a:p>
        </p:txBody>
      </p:sp>
      <p:sp>
        <p:nvSpPr>
          <p:cNvPr id="29" name="TextBox 28">
            <a:extLst>
              <a:ext uri="{FF2B5EF4-FFF2-40B4-BE49-F238E27FC236}">
                <a16:creationId xmlns:a16="http://schemas.microsoft.com/office/drawing/2014/main" id="{68FB8E3E-F142-6BA2-1418-B13FCA07E7AC}"/>
              </a:ext>
            </a:extLst>
          </p:cNvPr>
          <p:cNvSpPr txBox="1"/>
          <p:nvPr/>
        </p:nvSpPr>
        <p:spPr>
          <a:xfrm>
            <a:off x="1197617" y="1939394"/>
            <a:ext cx="5002215" cy="584775"/>
          </a:xfrm>
          <a:prstGeom prst="rect">
            <a:avLst/>
          </a:prstGeom>
          <a:noFill/>
        </p:spPr>
        <p:txBody>
          <a:bodyPr wrap="square" numCol="1" spcCol="457200" rtlCol="0">
            <a:spAutoFit/>
          </a:bodyPr>
          <a:lstStyle/>
          <a:p>
            <a:pPr marR="0" lvl="0" algn="l" defTabSz="914400" rtl="0" eaLnBrk="1" fontAlgn="auto" latinLnBrk="0" hangingPunct="1">
              <a:lnSpc>
                <a:spcPct val="100000"/>
              </a:lnSpc>
              <a:spcBef>
                <a:spcPts val="0"/>
              </a:spcBef>
              <a:buClrTx/>
              <a:buSzTx/>
              <a:tabLst/>
              <a:defRPr/>
            </a:pPr>
            <a:r>
              <a:rPr kumimoji="0" lang="en-US" sz="1600" b="1" i="0" u="none" strike="noStrike" kern="1200" cap="none" spc="0" normalizeH="0" baseline="0" noProof="0" dirty="0">
                <a:ln>
                  <a:noFill/>
                </a:ln>
                <a:solidFill>
                  <a:srgbClr val="323130"/>
                </a:solidFill>
                <a:effectLst/>
                <a:uLnTx/>
                <a:uFillTx/>
                <a:latin typeface="+mj-lt"/>
                <a:ea typeface="+mn-ea"/>
                <a:cs typeface="Helvetica"/>
              </a:rPr>
              <a:t>Understand multi-hazard risks at a high level: </a:t>
            </a:r>
            <a:r>
              <a:rPr kumimoji="0" lang="en-US" sz="1600" b="0" i="0" u="none" strike="noStrike" kern="1200" cap="none" spc="0" normalizeH="0" baseline="0" noProof="0" dirty="0">
                <a:ln>
                  <a:noFill/>
                </a:ln>
                <a:solidFill>
                  <a:srgbClr val="323130"/>
                </a:solidFill>
                <a:effectLst/>
                <a:uLnTx/>
                <a:uFillTx/>
                <a:latin typeface="+mj-lt"/>
                <a:ea typeface="+mn-ea"/>
                <a:cs typeface="+mn-cs"/>
              </a:rPr>
              <a:t>data collection, hazard assessment, risk assessment</a:t>
            </a:r>
          </a:p>
        </p:txBody>
      </p:sp>
      <p:sp>
        <p:nvSpPr>
          <p:cNvPr id="30" name="TextBox 29">
            <a:extLst>
              <a:ext uri="{FF2B5EF4-FFF2-40B4-BE49-F238E27FC236}">
                <a16:creationId xmlns:a16="http://schemas.microsoft.com/office/drawing/2014/main" id="{78A5396D-5A8C-641C-FCDC-4ECB19E0D7D4}"/>
              </a:ext>
            </a:extLst>
          </p:cNvPr>
          <p:cNvSpPr txBox="1"/>
          <p:nvPr/>
        </p:nvSpPr>
        <p:spPr>
          <a:xfrm>
            <a:off x="1197618" y="2618002"/>
            <a:ext cx="4898382" cy="830997"/>
          </a:xfrm>
          <a:prstGeom prst="rect">
            <a:avLst/>
          </a:prstGeom>
          <a:noFill/>
        </p:spPr>
        <p:txBody>
          <a:bodyPr wrap="square" numCol="1" spcCol="457200" rtlCol="0">
            <a:spAutoFit/>
          </a:bodyPr>
          <a:lstStyle/>
          <a:p>
            <a:pPr marR="0" lvl="0" algn="l" defTabSz="914400" rtl="0" eaLnBrk="1" fontAlgn="auto" latinLnBrk="0" hangingPunct="1">
              <a:lnSpc>
                <a:spcPct val="100000"/>
              </a:lnSpc>
              <a:spcBef>
                <a:spcPts val="0"/>
              </a:spcBef>
              <a:buClrTx/>
              <a:buSzTx/>
              <a:tabLst/>
              <a:defRPr/>
            </a:pPr>
            <a:r>
              <a:rPr kumimoji="0" lang="en-US" sz="1600" b="1" i="0" u="none" strike="noStrike" kern="1200" cap="none" spc="0" normalizeH="0" baseline="0" noProof="0" dirty="0">
                <a:ln>
                  <a:noFill/>
                </a:ln>
                <a:solidFill>
                  <a:srgbClr val="323130"/>
                </a:solidFill>
                <a:effectLst/>
                <a:uLnTx/>
                <a:uFillTx/>
                <a:latin typeface="+mj-lt"/>
                <a:ea typeface="+mn-ea"/>
                <a:cs typeface="Helvetica"/>
              </a:rPr>
              <a:t>Quantify risks and identify risk drivers: </a:t>
            </a:r>
            <a:r>
              <a:rPr kumimoji="0" lang="en-US" sz="1600" b="0" i="0" u="none" strike="noStrike" kern="1200" cap="none" spc="0" normalizeH="0" baseline="0" noProof="0" dirty="0">
                <a:ln>
                  <a:noFill/>
                </a:ln>
                <a:solidFill>
                  <a:srgbClr val="323130"/>
                </a:solidFill>
                <a:effectLst/>
                <a:uLnTx/>
                <a:uFillTx/>
                <a:latin typeface="+mj-lt"/>
                <a:ea typeface="+mn-ea"/>
                <a:cs typeface="+mn-cs"/>
              </a:rPr>
              <a:t>hazard modeling, exposure modeling, vulnerability modeling, quantitative risks analysis</a:t>
            </a:r>
          </a:p>
        </p:txBody>
      </p:sp>
      <p:sp>
        <p:nvSpPr>
          <p:cNvPr id="31" name="TextBox 30">
            <a:extLst>
              <a:ext uri="{FF2B5EF4-FFF2-40B4-BE49-F238E27FC236}">
                <a16:creationId xmlns:a16="http://schemas.microsoft.com/office/drawing/2014/main" id="{88F6CB47-D39F-1DD1-DB5B-D3666512BE19}"/>
              </a:ext>
            </a:extLst>
          </p:cNvPr>
          <p:cNvSpPr txBox="1"/>
          <p:nvPr/>
        </p:nvSpPr>
        <p:spPr>
          <a:xfrm>
            <a:off x="1197617" y="3408029"/>
            <a:ext cx="6047245" cy="830997"/>
          </a:xfrm>
          <a:prstGeom prst="rect">
            <a:avLst/>
          </a:prstGeom>
          <a:noFill/>
        </p:spPr>
        <p:txBody>
          <a:bodyPr wrap="square" numCol="1" spcCol="457200" rtlCol="0">
            <a:spAutoFit/>
          </a:bodyPr>
          <a:lstStyle/>
          <a:p>
            <a:pPr marR="0" lvl="0" algn="l" defTabSz="914400" rtl="0" eaLnBrk="1" fontAlgn="auto" latinLnBrk="0" hangingPunct="1">
              <a:lnSpc>
                <a:spcPct val="100000"/>
              </a:lnSpc>
              <a:spcBef>
                <a:spcPts val="0"/>
              </a:spcBef>
              <a:buClrTx/>
              <a:buSzTx/>
              <a:tabLst/>
              <a:defRPr/>
            </a:pPr>
            <a:r>
              <a:rPr kumimoji="0" lang="en-US" sz="1600" b="1" i="0" u="none" strike="noStrike" kern="1200" cap="none" spc="0" normalizeH="0" baseline="0" noProof="0" dirty="0">
                <a:ln>
                  <a:noFill/>
                </a:ln>
                <a:solidFill>
                  <a:srgbClr val="323130"/>
                </a:solidFill>
                <a:effectLst/>
                <a:uLnTx/>
                <a:uFillTx/>
                <a:latin typeface="+mj-lt"/>
                <a:ea typeface="+mn-ea"/>
                <a:cs typeface="Helvetica"/>
              </a:rPr>
              <a:t>Strategize to mitigate risks: </a:t>
            </a:r>
            <a:r>
              <a:rPr kumimoji="0" lang="en-US" sz="1600" b="0" i="0" u="none" strike="noStrike" kern="1200" cap="none" spc="0" normalizeH="0" baseline="0" noProof="0" dirty="0">
                <a:ln>
                  <a:noFill/>
                </a:ln>
                <a:solidFill>
                  <a:srgbClr val="323130"/>
                </a:solidFill>
                <a:effectLst/>
                <a:uLnTx/>
                <a:uFillTx/>
                <a:latin typeface="+mj-lt"/>
                <a:ea typeface="+mn-ea"/>
                <a:cs typeface="+mn-cs"/>
              </a:rPr>
              <a:t>development of</a:t>
            </a:r>
            <a:r>
              <a:rPr kumimoji="0" lang="en-US" sz="1600" b="1" i="0" u="none" strike="noStrike" kern="1200" cap="none" spc="0" normalizeH="0" baseline="0" noProof="0" dirty="0">
                <a:ln>
                  <a:noFill/>
                </a:ln>
                <a:solidFill>
                  <a:srgbClr val="323130"/>
                </a:solidFill>
                <a:effectLst/>
                <a:uLnTx/>
                <a:uFillTx/>
                <a:latin typeface="+mj-lt"/>
                <a:ea typeface="+mn-ea"/>
                <a:cs typeface="Helvetica"/>
              </a:rPr>
              <a:t> </a:t>
            </a:r>
            <a:r>
              <a:rPr kumimoji="0" lang="en-US" sz="1600" b="0" i="0" u="none" strike="noStrike" kern="1200" cap="none" spc="0" normalizeH="0" baseline="0" noProof="0" dirty="0">
                <a:ln>
                  <a:noFill/>
                </a:ln>
                <a:solidFill>
                  <a:srgbClr val="323130"/>
                </a:solidFill>
                <a:effectLst/>
                <a:uLnTx/>
                <a:uFillTx/>
                <a:latin typeface="+mj-lt"/>
                <a:ea typeface="+mn-ea"/>
                <a:cs typeface="+mn-cs"/>
              </a:rPr>
              <a:t>mitigation (physical and operational) options and resource requirements, cost-benefit analysis, multi-decision framework analysis, prioritize investments</a:t>
            </a:r>
          </a:p>
        </p:txBody>
      </p:sp>
      <p:sp>
        <p:nvSpPr>
          <p:cNvPr id="32" name="TextBox 31">
            <a:extLst>
              <a:ext uri="{FF2B5EF4-FFF2-40B4-BE49-F238E27FC236}">
                <a16:creationId xmlns:a16="http://schemas.microsoft.com/office/drawing/2014/main" id="{52AAC820-FE64-FDFB-FB6D-ED5DD0EC1734}"/>
              </a:ext>
            </a:extLst>
          </p:cNvPr>
          <p:cNvSpPr txBox="1"/>
          <p:nvPr/>
        </p:nvSpPr>
        <p:spPr>
          <a:xfrm>
            <a:off x="1197617" y="4192111"/>
            <a:ext cx="6178765" cy="584775"/>
          </a:xfrm>
          <a:prstGeom prst="rect">
            <a:avLst/>
          </a:prstGeom>
          <a:noFill/>
        </p:spPr>
        <p:txBody>
          <a:bodyPr wrap="square" numCol="1" spcCol="457200" rtlCol="0">
            <a:spAutoFit/>
          </a:bodyPr>
          <a:lstStyle/>
          <a:p>
            <a:pPr marR="0" lvl="0" algn="l" defTabSz="914400" rtl="0" eaLnBrk="1" fontAlgn="auto" latinLnBrk="0" hangingPunct="1">
              <a:lnSpc>
                <a:spcPct val="100000"/>
              </a:lnSpc>
              <a:spcBef>
                <a:spcPts val="0"/>
              </a:spcBef>
              <a:buClrTx/>
              <a:buSzTx/>
              <a:tabLst/>
              <a:defRPr/>
            </a:pPr>
            <a:r>
              <a:rPr kumimoji="0" lang="en-US" sz="1600" b="1" i="0" u="none" strike="noStrike" kern="1200" cap="none" spc="0" normalizeH="0" baseline="0" noProof="0" dirty="0">
                <a:ln>
                  <a:noFill/>
                </a:ln>
                <a:solidFill>
                  <a:srgbClr val="323130"/>
                </a:solidFill>
                <a:effectLst/>
                <a:uLnTx/>
                <a:uFillTx/>
                <a:latin typeface="+mj-lt"/>
                <a:ea typeface="+mn-ea"/>
                <a:cs typeface="Helvetica"/>
              </a:rPr>
              <a:t>Implement solutions: </a:t>
            </a:r>
            <a:r>
              <a:rPr kumimoji="0" lang="en-US" sz="1600" b="0" i="0" u="none" strike="noStrike" kern="1200" cap="none" spc="0" normalizeH="0" baseline="0" noProof="0" dirty="0">
                <a:ln>
                  <a:noFill/>
                </a:ln>
                <a:solidFill>
                  <a:srgbClr val="323130"/>
                </a:solidFill>
                <a:effectLst/>
                <a:uLnTx/>
                <a:uFillTx/>
                <a:latin typeface="+mj-lt"/>
                <a:ea typeface="+mn-ea"/>
                <a:cs typeface="+mn-cs"/>
              </a:rPr>
              <a:t>design retrofit, resilience-base design, operational planning, adaptive capacity/organizational resilience </a:t>
            </a:r>
          </a:p>
        </p:txBody>
      </p:sp>
      <p:sp>
        <p:nvSpPr>
          <p:cNvPr id="33" name="TextBox 32">
            <a:extLst>
              <a:ext uri="{FF2B5EF4-FFF2-40B4-BE49-F238E27FC236}">
                <a16:creationId xmlns:a16="http://schemas.microsoft.com/office/drawing/2014/main" id="{786B99CA-8E54-554C-4491-F330C3393A4E}"/>
              </a:ext>
            </a:extLst>
          </p:cNvPr>
          <p:cNvSpPr txBox="1"/>
          <p:nvPr/>
        </p:nvSpPr>
        <p:spPr>
          <a:xfrm flipH="1">
            <a:off x="523002" y="2037742"/>
            <a:ext cx="500213" cy="348813"/>
          </a:xfrm>
          <a:prstGeom prst="rect">
            <a:avLst/>
          </a:prstGeom>
          <a:noFill/>
        </p:spPr>
        <p:txBody>
          <a:bodyPr wrap="square" numCol="1" spcCol="457200" rtlCol="0">
            <a:spAutoFit/>
          </a:bodyPr>
          <a:lstStyle/>
          <a:p>
            <a:pPr marL="0" marR="0" lvl="0" indent="0" algn="ctr" defTabSz="457200" rtl="0" eaLnBrk="1" fontAlgn="auto" latinLnBrk="0" hangingPunct="1">
              <a:lnSpc>
                <a:spcPts val="2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Times New Roman" panose="02020603050405020304"/>
                <a:ea typeface="Montserrat" charset="0"/>
                <a:cs typeface="Arial" panose="020B0604020202020204" pitchFamily="34" charset="0"/>
              </a:rPr>
              <a:t>01</a:t>
            </a:r>
          </a:p>
        </p:txBody>
      </p:sp>
      <p:sp>
        <p:nvSpPr>
          <p:cNvPr id="34" name="TextBox 33">
            <a:extLst>
              <a:ext uri="{FF2B5EF4-FFF2-40B4-BE49-F238E27FC236}">
                <a16:creationId xmlns:a16="http://schemas.microsoft.com/office/drawing/2014/main" id="{0D84CACB-11D7-B3E0-D8AB-36D3DFC4B487}"/>
              </a:ext>
            </a:extLst>
          </p:cNvPr>
          <p:cNvSpPr txBox="1"/>
          <p:nvPr/>
        </p:nvSpPr>
        <p:spPr>
          <a:xfrm flipH="1">
            <a:off x="523002" y="2776638"/>
            <a:ext cx="500213" cy="348813"/>
          </a:xfrm>
          <a:prstGeom prst="rect">
            <a:avLst/>
          </a:prstGeom>
          <a:noFill/>
        </p:spPr>
        <p:txBody>
          <a:bodyPr wrap="square" numCol="1" spcCol="457200" rtlCol="0">
            <a:spAutoFit/>
          </a:bodyPr>
          <a:lstStyle/>
          <a:p>
            <a:pPr marL="0" marR="0" lvl="0" indent="0" algn="ctr" defTabSz="457200" rtl="0" eaLnBrk="1" fontAlgn="auto" latinLnBrk="0" hangingPunct="1">
              <a:lnSpc>
                <a:spcPts val="2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Times New Roman" panose="02020603050405020304"/>
                <a:ea typeface="Montserrat" charset="0"/>
                <a:cs typeface="Arial" panose="020B0604020202020204" pitchFamily="34" charset="0"/>
              </a:rPr>
              <a:t>02</a:t>
            </a:r>
          </a:p>
        </p:txBody>
      </p:sp>
      <p:sp>
        <p:nvSpPr>
          <p:cNvPr id="35" name="TextBox 34">
            <a:extLst>
              <a:ext uri="{FF2B5EF4-FFF2-40B4-BE49-F238E27FC236}">
                <a16:creationId xmlns:a16="http://schemas.microsoft.com/office/drawing/2014/main" id="{157B0ED6-87C4-F924-53F3-4817C573753C}"/>
              </a:ext>
            </a:extLst>
          </p:cNvPr>
          <p:cNvSpPr txBox="1"/>
          <p:nvPr/>
        </p:nvSpPr>
        <p:spPr>
          <a:xfrm flipH="1">
            <a:off x="523002" y="3526470"/>
            <a:ext cx="500213" cy="348813"/>
          </a:xfrm>
          <a:prstGeom prst="rect">
            <a:avLst/>
          </a:prstGeom>
          <a:noFill/>
        </p:spPr>
        <p:txBody>
          <a:bodyPr wrap="square" numCol="1" spcCol="457200" rtlCol="0">
            <a:spAutoFit/>
          </a:bodyPr>
          <a:lstStyle/>
          <a:p>
            <a:pPr marL="0" marR="0" lvl="0" indent="0" algn="ctr" defTabSz="457200" rtl="0" eaLnBrk="1" fontAlgn="auto" latinLnBrk="0" hangingPunct="1">
              <a:lnSpc>
                <a:spcPts val="2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Times New Roman" panose="02020603050405020304"/>
                <a:ea typeface="Montserrat" charset="0"/>
                <a:cs typeface="Arial" panose="020B0604020202020204" pitchFamily="34" charset="0"/>
              </a:rPr>
              <a:t>03</a:t>
            </a:r>
          </a:p>
        </p:txBody>
      </p:sp>
      <p:sp>
        <p:nvSpPr>
          <p:cNvPr id="36" name="TextBox 35">
            <a:extLst>
              <a:ext uri="{FF2B5EF4-FFF2-40B4-BE49-F238E27FC236}">
                <a16:creationId xmlns:a16="http://schemas.microsoft.com/office/drawing/2014/main" id="{0FC62162-C9F5-48B2-2A42-2E1A9AC422FB}"/>
              </a:ext>
            </a:extLst>
          </p:cNvPr>
          <p:cNvSpPr txBox="1"/>
          <p:nvPr/>
        </p:nvSpPr>
        <p:spPr>
          <a:xfrm flipH="1">
            <a:off x="523002" y="4290456"/>
            <a:ext cx="500213" cy="348813"/>
          </a:xfrm>
          <a:prstGeom prst="rect">
            <a:avLst/>
          </a:prstGeom>
          <a:noFill/>
        </p:spPr>
        <p:txBody>
          <a:bodyPr wrap="square" numCol="1" spcCol="457200" rtlCol="0">
            <a:spAutoFit/>
          </a:bodyPr>
          <a:lstStyle/>
          <a:p>
            <a:pPr marL="0" marR="0" lvl="0" indent="0" algn="ctr" defTabSz="457200" rtl="0" eaLnBrk="1" fontAlgn="auto" latinLnBrk="0" hangingPunct="1">
              <a:lnSpc>
                <a:spcPts val="2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Times New Roman" panose="02020603050405020304"/>
                <a:ea typeface="Montserrat" charset="0"/>
                <a:cs typeface="Arial" panose="020B0604020202020204" pitchFamily="34" charset="0"/>
              </a:rPr>
              <a:t>04</a:t>
            </a:r>
          </a:p>
        </p:txBody>
      </p:sp>
    </p:spTree>
    <p:extLst>
      <p:ext uri="{BB962C8B-B14F-4D97-AF65-F5344CB8AC3E}">
        <p14:creationId xmlns:p14="http://schemas.microsoft.com/office/powerpoint/2010/main" val="3680965747"/>
      </p:ext>
    </p:extLst>
  </p:cSld>
  <p:clrMapOvr>
    <a:masterClrMapping/>
  </p:clrMapOvr>
  <p:extLst>
    <p:ext uri="{6950BFC3-D8DA-4A85-94F7-54DA5524770B}">
      <p188:commentRel xmlns:p188="http://schemas.microsoft.com/office/powerpoint/2018/8/main" r:id="rId2"/>
    </p:ext>
  </p:extLs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2BA15C76-56D1-5F82-1901-3BDD8DEABFB5}"/>
              </a:ext>
            </a:extLst>
          </p:cNvPr>
          <p:cNvSpPr>
            <a:spLocks noGrp="1"/>
          </p:cNvSpPr>
          <p:nvPr>
            <p:ph type="title"/>
          </p:nvPr>
        </p:nvSpPr>
        <p:spPr/>
        <p:txBody>
          <a:bodyPr/>
          <a:lstStyle/>
          <a:p>
            <a:endParaRPr lang="en-GB"/>
          </a:p>
        </p:txBody>
      </p:sp>
      <p:sp>
        <p:nvSpPr>
          <p:cNvPr id="7" name="Subtitle 6">
            <a:extLst>
              <a:ext uri="{FF2B5EF4-FFF2-40B4-BE49-F238E27FC236}">
                <a16:creationId xmlns:a16="http://schemas.microsoft.com/office/drawing/2014/main" id="{DB0FB1FD-4EA7-9A7C-CDB1-48E917543184}"/>
              </a:ext>
            </a:extLst>
          </p:cNvPr>
          <p:cNvSpPr>
            <a:spLocks noGrp="1"/>
          </p:cNvSpPr>
          <p:nvPr>
            <p:ph type="subTitle" idx="1"/>
          </p:nvPr>
        </p:nvSpPr>
        <p:spPr/>
        <p:txBody>
          <a:bodyPr/>
          <a:lstStyle/>
          <a:p>
            <a:endParaRPr lang="en-GB"/>
          </a:p>
        </p:txBody>
      </p:sp>
      <p:pic>
        <p:nvPicPr>
          <p:cNvPr id="8" name="Picture 7">
            <a:extLst>
              <a:ext uri="{FF2B5EF4-FFF2-40B4-BE49-F238E27FC236}">
                <a16:creationId xmlns:a16="http://schemas.microsoft.com/office/drawing/2014/main" id="{4013139F-F2CF-8C2E-2226-6BC9A6350107}"/>
              </a:ext>
            </a:extLst>
          </p:cNvPr>
          <p:cNvPicPr>
            <a:picLocks noChangeAspect="1"/>
          </p:cNvPicPr>
          <p:nvPr/>
        </p:nvPicPr>
        <p:blipFill>
          <a:blip r:embed="rId3"/>
          <a:stretch>
            <a:fillRect/>
          </a:stretch>
        </p:blipFill>
        <p:spPr>
          <a:xfrm>
            <a:off x="135128" y="1553021"/>
            <a:ext cx="12431339" cy="2521268"/>
          </a:xfrm>
          <a:prstGeom prst="rect">
            <a:avLst/>
          </a:prstGeom>
        </p:spPr>
      </p:pic>
    </p:spTree>
    <p:extLst>
      <p:ext uri="{BB962C8B-B14F-4D97-AF65-F5344CB8AC3E}">
        <p14:creationId xmlns:p14="http://schemas.microsoft.com/office/powerpoint/2010/main" val="252878696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8C80117C-8E24-83B3-AD32-1944563169C8}"/>
              </a:ext>
            </a:extLst>
          </p:cNvPr>
          <p:cNvSpPr>
            <a:spLocks noGrp="1"/>
          </p:cNvSpPr>
          <p:nvPr>
            <p:ph type="title"/>
          </p:nvPr>
        </p:nvSpPr>
        <p:spPr/>
        <p:txBody>
          <a:bodyPr/>
          <a:lstStyle/>
          <a:p>
            <a:r>
              <a:rPr lang="en-GB"/>
              <a:t>Taking a whole-system response</a:t>
            </a:r>
          </a:p>
        </p:txBody>
      </p:sp>
      <p:sp>
        <p:nvSpPr>
          <p:cNvPr id="3" name="Subtitle 2">
            <a:extLst>
              <a:ext uri="{FF2B5EF4-FFF2-40B4-BE49-F238E27FC236}">
                <a16:creationId xmlns:a16="http://schemas.microsoft.com/office/drawing/2014/main" id="{A808747A-856B-52DE-9A88-C19607CCDD6F}"/>
              </a:ext>
            </a:extLst>
          </p:cNvPr>
          <p:cNvSpPr>
            <a:spLocks noGrp="1"/>
          </p:cNvSpPr>
          <p:nvPr>
            <p:ph type="subTitle" idx="1"/>
          </p:nvPr>
        </p:nvSpPr>
        <p:spPr/>
        <p:txBody>
          <a:bodyPr/>
          <a:lstStyle/>
          <a:p>
            <a:endParaRPr lang="en-GB"/>
          </a:p>
        </p:txBody>
      </p:sp>
      <p:sp>
        <p:nvSpPr>
          <p:cNvPr id="6" name="Text Placeholder 5">
            <a:extLst>
              <a:ext uri="{FF2B5EF4-FFF2-40B4-BE49-F238E27FC236}">
                <a16:creationId xmlns:a16="http://schemas.microsoft.com/office/drawing/2014/main" id="{2C5F7B12-6A2D-90B4-B464-9AAF448BEC93}"/>
              </a:ext>
            </a:extLst>
          </p:cNvPr>
          <p:cNvSpPr>
            <a:spLocks noGrp="1"/>
          </p:cNvSpPr>
          <p:nvPr>
            <p:ph type="body" sz="quarter" idx="27"/>
          </p:nvPr>
        </p:nvSpPr>
        <p:spPr>
          <a:xfrm>
            <a:off x="658812" y="1811339"/>
            <a:ext cx="5319714" cy="4354512"/>
          </a:xfrm>
        </p:spPr>
        <p:txBody>
          <a:bodyPr/>
          <a:lstStyle/>
          <a:p>
            <a:r>
              <a:rPr lang="en-US"/>
              <a:t>Work across multiple dimensions to achieve resilience</a:t>
            </a:r>
          </a:p>
          <a:p>
            <a:r>
              <a:rPr lang="en-AU"/>
              <a:t>Identify which goals need attention and by who</a:t>
            </a:r>
          </a:p>
          <a:p>
            <a:r>
              <a:rPr lang="en-AU"/>
              <a:t>Make tangible and systemic progress towards resilience</a:t>
            </a:r>
          </a:p>
        </p:txBody>
      </p:sp>
      <p:pic>
        <p:nvPicPr>
          <p:cNvPr id="7" name="Graphic 6">
            <a:extLst>
              <a:ext uri="{FF2B5EF4-FFF2-40B4-BE49-F238E27FC236}">
                <a16:creationId xmlns:a16="http://schemas.microsoft.com/office/drawing/2014/main" id="{779A2EBC-DA04-345F-97E2-0DB9D2BB5238}"/>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978525" y="568344"/>
            <a:ext cx="6201330" cy="6201330"/>
          </a:xfrm>
          <a:prstGeom prst="rect">
            <a:avLst/>
          </a:prstGeom>
        </p:spPr>
      </p:pic>
    </p:spTree>
    <p:extLst>
      <p:ext uri="{BB962C8B-B14F-4D97-AF65-F5344CB8AC3E}">
        <p14:creationId xmlns:p14="http://schemas.microsoft.com/office/powerpoint/2010/main" val="301219873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289C50B-BC6D-A0D8-19DC-2C75620FA039}"/>
              </a:ext>
            </a:extLst>
          </p:cNvPr>
          <p:cNvSpPr>
            <a:spLocks noGrp="1"/>
          </p:cNvSpPr>
          <p:nvPr>
            <p:ph type="title"/>
          </p:nvPr>
        </p:nvSpPr>
        <p:spPr>
          <a:xfrm>
            <a:off x="658811" y="657225"/>
            <a:ext cx="10128794" cy="532800"/>
          </a:xfrm>
        </p:spPr>
        <p:txBody>
          <a:bodyPr/>
          <a:lstStyle/>
          <a:p>
            <a:r>
              <a:rPr lang="en-GB" dirty="0"/>
              <a:t>1. The big picture – what choices are we making, and why?</a:t>
            </a:r>
            <a:br>
              <a:rPr lang="en-GB" dirty="0"/>
            </a:br>
            <a:endParaRPr lang="en-GB" dirty="0"/>
          </a:p>
        </p:txBody>
      </p:sp>
    </p:spTree>
    <p:extLst>
      <p:ext uri="{BB962C8B-B14F-4D97-AF65-F5344CB8AC3E}">
        <p14:creationId xmlns:p14="http://schemas.microsoft.com/office/powerpoint/2010/main" val="413459431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6833A34-427E-561A-4D55-B5778696F379}"/>
              </a:ext>
            </a:extLst>
          </p:cNvPr>
          <p:cNvSpPr>
            <a:spLocks noGrp="1"/>
          </p:cNvSpPr>
          <p:nvPr>
            <p:ph type="title"/>
          </p:nvPr>
        </p:nvSpPr>
        <p:spPr/>
        <p:txBody>
          <a:bodyPr/>
          <a:lstStyle/>
          <a:p>
            <a:r>
              <a:rPr lang="en-GB" dirty="0"/>
              <a:t>Theory of change</a:t>
            </a:r>
          </a:p>
        </p:txBody>
      </p:sp>
      <p:sp>
        <p:nvSpPr>
          <p:cNvPr id="3" name="Subtitle 2">
            <a:extLst>
              <a:ext uri="{FF2B5EF4-FFF2-40B4-BE49-F238E27FC236}">
                <a16:creationId xmlns:a16="http://schemas.microsoft.com/office/drawing/2014/main" id="{D423BEFC-B1CD-EE73-F6FD-7B33964B2F24}"/>
              </a:ext>
            </a:extLst>
          </p:cNvPr>
          <p:cNvSpPr>
            <a:spLocks noGrp="1"/>
          </p:cNvSpPr>
          <p:nvPr>
            <p:ph type="subTitle" idx="1"/>
          </p:nvPr>
        </p:nvSpPr>
        <p:spPr/>
        <p:txBody>
          <a:bodyPr/>
          <a:lstStyle/>
          <a:p>
            <a:endParaRPr lang="en-GB"/>
          </a:p>
        </p:txBody>
      </p:sp>
      <p:graphicFrame>
        <p:nvGraphicFramePr>
          <p:cNvPr id="9" name="Content Placeholder 8">
            <a:extLst>
              <a:ext uri="{FF2B5EF4-FFF2-40B4-BE49-F238E27FC236}">
                <a16:creationId xmlns:a16="http://schemas.microsoft.com/office/drawing/2014/main" id="{8CDD8911-B65F-F883-A80B-5D9EE94DC108}"/>
              </a:ext>
            </a:extLst>
          </p:cNvPr>
          <p:cNvGraphicFramePr>
            <a:graphicFrameLocks noGrp="1"/>
          </p:cNvGraphicFramePr>
          <p:nvPr>
            <p:ph sz="quarter" idx="16"/>
          </p:nvPr>
        </p:nvGraphicFramePr>
        <p:xfrm>
          <a:off x="0" y="0"/>
          <a:ext cx="12192000" cy="495985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pic>
        <p:nvPicPr>
          <p:cNvPr id="2050" name="Picture 2" descr="Roads &amp; Transport Authority - Goals &amp; Objectives">
            <a:extLst>
              <a:ext uri="{FF2B5EF4-FFF2-40B4-BE49-F238E27FC236}">
                <a16:creationId xmlns:a16="http://schemas.microsoft.com/office/drawing/2014/main" id="{4EFF1B5A-74E0-D36A-CB97-9F22EA5C1565}"/>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3309936" y="3056351"/>
            <a:ext cx="5343525" cy="6858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6488396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663CA4D-CDF5-8AED-B09F-585156751C5B}"/>
            </a:ext>
          </a:extLst>
        </p:cNvPr>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C80B53B-2CEA-A9F9-6830-74269DAED3E8}"/>
              </a:ext>
            </a:extLst>
          </p:cNvPr>
          <p:cNvSpPr>
            <a:spLocks noGrp="1"/>
          </p:cNvSpPr>
          <p:nvPr>
            <p:ph type="sldNum" sz="quarter" idx="15"/>
          </p:nvPr>
        </p:nvSpPr>
        <p:spPr/>
        <p:txBody>
          <a:bodyPr/>
          <a:lstStyle/>
          <a:p>
            <a:fld id="{1BE232AB-0B06-425F-9ADD-32A9A3D01189}" type="slidenum">
              <a:rPr lang="en-GB" smtClean="0"/>
              <a:pPr/>
              <a:t>8</a:t>
            </a:fld>
            <a:endParaRPr lang="en-GB"/>
          </a:p>
        </p:txBody>
      </p:sp>
      <p:sp>
        <p:nvSpPr>
          <p:cNvPr id="7" name="Subtitle 6">
            <a:extLst>
              <a:ext uri="{FF2B5EF4-FFF2-40B4-BE49-F238E27FC236}">
                <a16:creationId xmlns:a16="http://schemas.microsoft.com/office/drawing/2014/main" id="{7CF26530-AB51-6D1E-0CC4-9A29906ABF6C}"/>
              </a:ext>
            </a:extLst>
          </p:cNvPr>
          <p:cNvSpPr>
            <a:spLocks noGrp="1"/>
          </p:cNvSpPr>
          <p:nvPr>
            <p:ph type="subTitle" idx="1"/>
          </p:nvPr>
        </p:nvSpPr>
        <p:spPr/>
        <p:txBody>
          <a:bodyPr/>
          <a:lstStyle/>
          <a:p>
            <a:endParaRPr lang="en-GB"/>
          </a:p>
        </p:txBody>
      </p:sp>
      <p:sp>
        <p:nvSpPr>
          <p:cNvPr id="10" name="Title 9">
            <a:extLst>
              <a:ext uri="{FF2B5EF4-FFF2-40B4-BE49-F238E27FC236}">
                <a16:creationId xmlns:a16="http://schemas.microsoft.com/office/drawing/2014/main" id="{8880F846-E574-D66F-B72D-E2DC1C9E9ACF}"/>
              </a:ext>
            </a:extLst>
          </p:cNvPr>
          <p:cNvSpPr>
            <a:spLocks noGrp="1"/>
          </p:cNvSpPr>
          <p:nvPr>
            <p:ph type="title"/>
          </p:nvPr>
        </p:nvSpPr>
        <p:spPr/>
        <p:txBody>
          <a:bodyPr/>
          <a:lstStyle/>
          <a:p>
            <a:endParaRPr lang="en-GB"/>
          </a:p>
        </p:txBody>
      </p:sp>
      <p:pic>
        <p:nvPicPr>
          <p:cNvPr id="14" name="Picture 13">
            <a:extLst>
              <a:ext uri="{FF2B5EF4-FFF2-40B4-BE49-F238E27FC236}">
                <a16:creationId xmlns:a16="http://schemas.microsoft.com/office/drawing/2014/main" id="{420099A2-E695-7D58-60BC-F8D643CCDF11}"/>
              </a:ext>
            </a:extLst>
          </p:cNvPr>
          <p:cNvPicPr>
            <a:picLocks noChangeAspect="1"/>
          </p:cNvPicPr>
          <p:nvPr/>
        </p:nvPicPr>
        <p:blipFill>
          <a:blip r:embed="rId2"/>
          <a:stretch>
            <a:fillRect/>
          </a:stretch>
        </p:blipFill>
        <p:spPr>
          <a:xfrm>
            <a:off x="1759712" y="493137"/>
            <a:ext cx="8073057" cy="6287669"/>
          </a:xfrm>
          <a:prstGeom prst="rect">
            <a:avLst/>
          </a:prstGeom>
        </p:spPr>
      </p:pic>
    </p:spTree>
    <p:extLst>
      <p:ext uri="{BB962C8B-B14F-4D97-AF65-F5344CB8AC3E}">
        <p14:creationId xmlns:p14="http://schemas.microsoft.com/office/powerpoint/2010/main" val="418336570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0FFF011-F10C-41C4-9F80-B84EC112EEB1}"/>
              </a:ext>
            </a:extLst>
          </p:cNvPr>
          <p:cNvSpPr>
            <a:spLocks noGrp="1"/>
          </p:cNvSpPr>
          <p:nvPr>
            <p:ph type="title"/>
          </p:nvPr>
        </p:nvSpPr>
        <p:spPr/>
        <p:txBody>
          <a:bodyPr/>
          <a:lstStyle/>
          <a:p>
            <a:r>
              <a:rPr lang="en-US" dirty="0"/>
              <a:t>An organisation’s resilience journey</a:t>
            </a:r>
          </a:p>
        </p:txBody>
      </p:sp>
      <p:sp>
        <p:nvSpPr>
          <p:cNvPr id="3" name="Subtitle 2">
            <a:extLst>
              <a:ext uri="{FF2B5EF4-FFF2-40B4-BE49-F238E27FC236}">
                <a16:creationId xmlns:a16="http://schemas.microsoft.com/office/drawing/2014/main" id="{4F8500AF-9F85-46B2-9CB1-130EC99009B1}"/>
              </a:ext>
            </a:extLst>
          </p:cNvPr>
          <p:cNvSpPr>
            <a:spLocks noGrp="1"/>
          </p:cNvSpPr>
          <p:nvPr>
            <p:ph type="subTitle" idx="1"/>
          </p:nvPr>
        </p:nvSpPr>
        <p:spPr>
          <a:xfrm>
            <a:off x="658814" y="1306800"/>
            <a:ext cx="9767886" cy="246221"/>
          </a:xfrm>
        </p:spPr>
        <p:txBody>
          <a:bodyPr>
            <a:normAutofit/>
          </a:bodyPr>
          <a:lstStyle/>
          <a:p>
            <a:r>
              <a:rPr lang="en-GB" dirty="0"/>
              <a:t>Asset portfolios</a:t>
            </a:r>
            <a:endParaRPr lang="en-US" dirty="0"/>
          </a:p>
        </p:txBody>
      </p:sp>
      <p:sp>
        <p:nvSpPr>
          <p:cNvPr id="21" name="Slide Number Placeholder 20">
            <a:extLst>
              <a:ext uri="{FF2B5EF4-FFF2-40B4-BE49-F238E27FC236}">
                <a16:creationId xmlns:a16="http://schemas.microsoft.com/office/drawing/2014/main" id="{A08D3842-2C41-1F69-E730-E7A370E75704}"/>
              </a:ext>
            </a:extLst>
          </p:cNvPr>
          <p:cNvSpPr>
            <a:spLocks noGrp="1"/>
          </p:cNvSpPr>
          <p:nvPr>
            <p:ph type="sldNum" sz="quarter" idx="15"/>
          </p:nvPr>
        </p:nvSpPr>
        <p:spPr/>
        <p:txBody>
          <a:bodyPr/>
          <a:lstStyle/>
          <a:p>
            <a:fld id="{1BE232AB-0B06-425F-9ADD-32A9A3D01189}" type="slidenum">
              <a:rPr lang="en-US" smtClean="0"/>
              <a:pPr/>
              <a:t>9</a:t>
            </a:fld>
            <a:endParaRPr lang="en-US"/>
          </a:p>
        </p:txBody>
      </p:sp>
      <p:grpSp>
        <p:nvGrpSpPr>
          <p:cNvPr id="5" name="Group 4" hidden="1">
            <a:extLst>
              <a:ext uri="{FF2B5EF4-FFF2-40B4-BE49-F238E27FC236}">
                <a16:creationId xmlns:a16="http://schemas.microsoft.com/office/drawing/2014/main" id="{A2A4D9A9-1878-4EBB-FB52-6B75DB462674}"/>
              </a:ext>
            </a:extLst>
          </p:cNvPr>
          <p:cNvGrpSpPr/>
          <p:nvPr/>
        </p:nvGrpSpPr>
        <p:grpSpPr>
          <a:xfrm>
            <a:off x="9552813" y="1808443"/>
            <a:ext cx="2359554" cy="4572000"/>
            <a:chOff x="9552813" y="1808443"/>
            <a:chExt cx="2359554" cy="4572000"/>
          </a:xfrm>
        </p:grpSpPr>
        <p:sp>
          <p:nvSpPr>
            <p:cNvPr id="41" name="TextBox 15">
              <a:extLst>
                <a:ext uri="{FF2B5EF4-FFF2-40B4-BE49-F238E27FC236}">
                  <a16:creationId xmlns:a16="http://schemas.microsoft.com/office/drawing/2014/main" id="{7AFD93C7-38CF-3DDA-564F-EB75414A3FF0}"/>
                </a:ext>
              </a:extLst>
            </p:cNvPr>
            <p:cNvSpPr txBox="1"/>
            <p:nvPr/>
          </p:nvSpPr>
          <p:spPr>
            <a:xfrm>
              <a:off x="9680575" y="2021147"/>
              <a:ext cx="2231792" cy="3954929"/>
            </a:xfrm>
            <a:prstGeom prst="rect">
              <a:avLst/>
            </a:prstGeom>
            <a:noFill/>
          </p:spPr>
          <p:txBody>
            <a:bodyPr wrap="square" lIns="0" tIns="0" rIns="0" bIns="0">
              <a:spAutoFit/>
            </a:bodyPr>
            <a:lstStyle/>
            <a:p>
              <a:r>
                <a:rPr lang="en-US" sz="1200" b="1">
                  <a:latin typeface="Arial" panose="020B0604020202020204" pitchFamily="34" charset="0"/>
                  <a:cs typeface="Arial" panose="020B0604020202020204" pitchFamily="34" charset="0"/>
                </a:rPr>
                <a:t>Main Services &amp; Tasks</a:t>
              </a:r>
            </a:p>
            <a:p>
              <a:pPr>
                <a:spcAft>
                  <a:spcPts val="600"/>
                </a:spcAft>
              </a:pPr>
              <a:r>
                <a:rPr lang="en-US" sz="1200">
                  <a:latin typeface="Arial" panose="020B0604020202020204" pitchFamily="34" charset="0"/>
                  <a:cs typeface="Arial" panose="020B0604020202020204" pitchFamily="34" charset="0"/>
                </a:rPr>
                <a:t>Support with:</a:t>
              </a:r>
            </a:p>
            <a:p>
              <a:pPr marL="285750" indent="-285750">
                <a:buFont typeface="Arial" panose="020B0604020202020204" pitchFamily="34" charset="0"/>
                <a:buChar char="•"/>
              </a:pPr>
              <a:r>
                <a:rPr lang="en-US" sz="1200">
                  <a:latin typeface="Arial" panose="020B0604020202020204" pitchFamily="34" charset="0"/>
                  <a:cs typeface="Arial" panose="020B0604020202020204" pitchFamily="34" charset="0"/>
                </a:rPr>
                <a:t>Project assessment and understanding requirements</a:t>
              </a:r>
            </a:p>
            <a:p>
              <a:pPr marL="285750" indent="-285750">
                <a:buFont typeface="Arial" panose="020B0604020202020204" pitchFamily="34" charset="0"/>
                <a:buChar char="•"/>
              </a:pPr>
              <a:r>
                <a:rPr lang="en-US" sz="1200">
                  <a:latin typeface="Arial" panose="020B0604020202020204" pitchFamily="34" charset="0"/>
                  <a:cs typeface="Arial" panose="020B0604020202020204" pitchFamily="34" charset="0"/>
                </a:rPr>
                <a:t>Data collection and analysis</a:t>
              </a:r>
            </a:p>
            <a:p>
              <a:pPr marL="285750" indent="-285750">
                <a:buFont typeface="Arial" panose="020B0604020202020204" pitchFamily="34" charset="0"/>
                <a:buChar char="•"/>
              </a:pPr>
              <a:r>
                <a:rPr lang="en-US" sz="1200">
                  <a:latin typeface="Arial" panose="020B0604020202020204" pitchFamily="34" charset="0"/>
                  <a:cs typeface="Arial" panose="020B0604020202020204" pitchFamily="34" charset="0"/>
                </a:rPr>
                <a:t>Provide second opinion and challenge current design if necessary</a:t>
              </a:r>
            </a:p>
            <a:p>
              <a:pPr marL="285750" indent="-285750">
                <a:buFont typeface="Arial" panose="020B0604020202020204" pitchFamily="34" charset="0"/>
                <a:buChar char="•"/>
              </a:pPr>
              <a:r>
                <a:rPr lang="en-US" sz="1200">
                  <a:latin typeface="Arial" panose="020B0604020202020204" pitchFamily="34" charset="0"/>
                  <a:cs typeface="Arial" panose="020B0604020202020204" pitchFamily="34" charset="0"/>
                </a:rPr>
                <a:t>Supporting decision making (focus on achieving project goals, decarbonization targets and sustainability requirements)</a:t>
              </a:r>
            </a:p>
            <a:p>
              <a:pPr marL="285750" indent="-285750">
                <a:buFont typeface="Arial" panose="020B0604020202020204" pitchFamily="34" charset="0"/>
                <a:buChar char="•"/>
              </a:pPr>
              <a:r>
                <a:rPr lang="en-US" sz="1200">
                  <a:latin typeface="Arial" panose="020B0604020202020204" pitchFamily="34" charset="0"/>
                  <a:cs typeface="Arial" panose="020B0604020202020204" pitchFamily="34" charset="0"/>
                </a:rPr>
                <a:t>Collaboration and communication</a:t>
              </a:r>
            </a:p>
            <a:p>
              <a:pPr marL="285750" indent="-285750">
                <a:buFont typeface="Arial" panose="020B0604020202020204" pitchFamily="34" charset="0"/>
                <a:buChar char="•"/>
              </a:pPr>
              <a:r>
                <a:rPr lang="en-US" sz="1200">
                  <a:latin typeface="Arial" panose="020B0604020202020204" pitchFamily="34" charset="0"/>
                  <a:cs typeface="Arial" panose="020B0604020202020204" pitchFamily="34" charset="0"/>
                </a:rPr>
                <a:t>Quality assurance and compliance</a:t>
              </a:r>
            </a:p>
            <a:p>
              <a:pPr marL="285750" indent="-285750">
                <a:buFont typeface="Arial" panose="020B0604020202020204" pitchFamily="34" charset="0"/>
                <a:buChar char="•"/>
              </a:pPr>
              <a:r>
                <a:rPr lang="en-US" sz="1200">
                  <a:latin typeface="Arial" panose="020B0604020202020204" pitchFamily="34" charset="0"/>
                  <a:cs typeface="Arial" panose="020B0604020202020204" pitchFamily="34" charset="0"/>
                </a:rPr>
                <a:t>Risk reduction and expert guidance</a:t>
              </a:r>
            </a:p>
            <a:p>
              <a:pPr marL="285750" indent="-285750">
                <a:buFont typeface="Arial" panose="020B0604020202020204" pitchFamily="34" charset="0"/>
                <a:buChar char="•"/>
              </a:pPr>
              <a:r>
                <a:rPr lang="en-US" sz="1200">
                  <a:latin typeface="Arial" panose="020B0604020202020204" pitchFamily="34" charset="0"/>
                  <a:cs typeface="Arial" panose="020B0604020202020204" pitchFamily="34" charset="0"/>
                </a:rPr>
                <a:t>Peer reviews</a:t>
              </a:r>
            </a:p>
            <a:p>
              <a:pPr marL="285750" indent="-285750">
                <a:buFont typeface="Arial" panose="020B0604020202020204" pitchFamily="34" charset="0"/>
                <a:buChar char="•"/>
              </a:pPr>
              <a:r>
                <a:rPr lang="en-US" sz="1200">
                  <a:latin typeface="Arial" panose="020B0604020202020204" pitchFamily="34" charset="0"/>
                  <a:cs typeface="Arial" panose="020B0604020202020204" pitchFamily="34" charset="0"/>
                </a:rPr>
                <a:t>Investigations &amp; research</a:t>
              </a:r>
              <a:endParaRPr lang="en-US" sz="1400">
                <a:latin typeface="Arial" panose="020B0604020202020204" pitchFamily="34" charset="0"/>
                <a:cs typeface="Arial" panose="020B0604020202020204" pitchFamily="34" charset="0"/>
              </a:endParaRPr>
            </a:p>
          </p:txBody>
        </p:sp>
        <p:cxnSp>
          <p:nvCxnSpPr>
            <p:cNvPr id="42" name="Straight Connector 41">
              <a:extLst>
                <a:ext uri="{FF2B5EF4-FFF2-40B4-BE49-F238E27FC236}">
                  <a16:creationId xmlns:a16="http://schemas.microsoft.com/office/drawing/2014/main" id="{A8A4B187-2C26-6666-5521-322E55B2282F}"/>
                </a:ext>
              </a:extLst>
            </p:cNvPr>
            <p:cNvCxnSpPr>
              <a:cxnSpLocks/>
            </p:cNvCxnSpPr>
            <p:nvPr/>
          </p:nvCxnSpPr>
          <p:spPr>
            <a:xfrm>
              <a:off x="9552813" y="1808443"/>
              <a:ext cx="0" cy="4572000"/>
            </a:xfrm>
            <a:prstGeom prst="line">
              <a:avLst/>
            </a:prstGeom>
          </p:spPr>
          <p:style>
            <a:lnRef idx="1">
              <a:schemeClr val="dk1"/>
            </a:lnRef>
            <a:fillRef idx="0">
              <a:schemeClr val="dk1"/>
            </a:fillRef>
            <a:effectRef idx="0">
              <a:schemeClr val="dk1"/>
            </a:effectRef>
            <a:fontRef idx="minor">
              <a:schemeClr val="tx1"/>
            </a:fontRef>
          </p:style>
        </p:cxnSp>
      </p:grpSp>
      <p:grpSp>
        <p:nvGrpSpPr>
          <p:cNvPr id="6" name="Group 5">
            <a:extLst>
              <a:ext uri="{FF2B5EF4-FFF2-40B4-BE49-F238E27FC236}">
                <a16:creationId xmlns:a16="http://schemas.microsoft.com/office/drawing/2014/main" id="{DF0DD316-4D86-C59E-FFC6-B24620385456}"/>
              </a:ext>
            </a:extLst>
          </p:cNvPr>
          <p:cNvGrpSpPr/>
          <p:nvPr/>
        </p:nvGrpSpPr>
        <p:grpSpPr>
          <a:xfrm>
            <a:off x="80848" y="3653663"/>
            <a:ext cx="5025990" cy="456777"/>
            <a:chOff x="0" y="3563471"/>
            <a:chExt cx="15050761" cy="632206"/>
          </a:xfrm>
        </p:grpSpPr>
        <p:grpSp>
          <p:nvGrpSpPr>
            <p:cNvPr id="7" name="Group 6">
              <a:extLst>
                <a:ext uri="{FF2B5EF4-FFF2-40B4-BE49-F238E27FC236}">
                  <a16:creationId xmlns:a16="http://schemas.microsoft.com/office/drawing/2014/main" id="{04AE7B37-36DA-2FB5-4AF2-70C7FE3A65C6}"/>
                </a:ext>
              </a:extLst>
            </p:cNvPr>
            <p:cNvGrpSpPr/>
            <p:nvPr/>
          </p:nvGrpSpPr>
          <p:grpSpPr>
            <a:xfrm>
              <a:off x="7547320" y="3563471"/>
              <a:ext cx="2471894" cy="481266"/>
              <a:chOff x="12210765" y="6877829"/>
              <a:chExt cx="2471894" cy="481266"/>
            </a:xfrm>
          </p:grpSpPr>
          <p:sp>
            <p:nvSpPr>
              <p:cNvPr id="24" name="Rectangle 23">
                <a:extLst>
                  <a:ext uri="{FF2B5EF4-FFF2-40B4-BE49-F238E27FC236}">
                    <a16:creationId xmlns:a16="http://schemas.microsoft.com/office/drawing/2014/main" id="{A091CE60-00BA-3457-A448-C844CCEF0599}"/>
                  </a:ext>
                </a:extLst>
              </p:cNvPr>
              <p:cNvSpPr/>
              <p:nvPr/>
            </p:nvSpPr>
            <p:spPr>
              <a:xfrm>
                <a:off x="12210765" y="7037224"/>
                <a:ext cx="2471894" cy="321871"/>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25" name="Oval 24">
                <a:extLst>
                  <a:ext uri="{FF2B5EF4-FFF2-40B4-BE49-F238E27FC236}">
                    <a16:creationId xmlns:a16="http://schemas.microsoft.com/office/drawing/2014/main" id="{48DB23FA-DC23-C2FC-FCA6-45B7DAA3C263}"/>
                  </a:ext>
                </a:extLst>
              </p:cNvPr>
              <p:cNvSpPr/>
              <p:nvPr/>
            </p:nvSpPr>
            <p:spPr>
              <a:xfrm>
                <a:off x="13271193" y="6877829"/>
                <a:ext cx="351038" cy="351130"/>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nvGrpSpPr>
            <p:cNvPr id="8" name="Group 7">
              <a:extLst>
                <a:ext uri="{FF2B5EF4-FFF2-40B4-BE49-F238E27FC236}">
                  <a16:creationId xmlns:a16="http://schemas.microsoft.com/office/drawing/2014/main" id="{0428F35D-1FDB-EF42-B094-8902AD698FB1}"/>
                </a:ext>
              </a:extLst>
            </p:cNvPr>
            <p:cNvGrpSpPr/>
            <p:nvPr/>
          </p:nvGrpSpPr>
          <p:grpSpPr>
            <a:xfrm>
              <a:off x="2515773" y="3578094"/>
              <a:ext cx="2471894" cy="466648"/>
              <a:chOff x="7179218" y="6892452"/>
              <a:chExt cx="2471894" cy="466648"/>
            </a:xfrm>
          </p:grpSpPr>
          <p:sp>
            <p:nvSpPr>
              <p:cNvPr id="22" name="Rectangle 21">
                <a:extLst>
                  <a:ext uri="{FF2B5EF4-FFF2-40B4-BE49-F238E27FC236}">
                    <a16:creationId xmlns:a16="http://schemas.microsoft.com/office/drawing/2014/main" id="{2ADD5AF0-A883-5CEB-8691-E08F6461D2AF}"/>
                  </a:ext>
                </a:extLst>
              </p:cNvPr>
              <p:cNvSpPr/>
              <p:nvPr/>
            </p:nvSpPr>
            <p:spPr>
              <a:xfrm>
                <a:off x="7179218" y="7037229"/>
                <a:ext cx="2471894" cy="321871"/>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23" name="Oval 22">
                <a:extLst>
                  <a:ext uri="{FF2B5EF4-FFF2-40B4-BE49-F238E27FC236}">
                    <a16:creationId xmlns:a16="http://schemas.microsoft.com/office/drawing/2014/main" id="{18A1DA7D-178C-6922-910D-CC6B6429F2F2}"/>
                  </a:ext>
                </a:extLst>
              </p:cNvPr>
              <p:cNvSpPr/>
              <p:nvPr/>
            </p:nvSpPr>
            <p:spPr>
              <a:xfrm>
                <a:off x="8195766" y="6892452"/>
                <a:ext cx="351038" cy="35113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nvGrpSpPr>
            <p:cNvPr id="9" name="Group 8">
              <a:extLst>
                <a:ext uri="{FF2B5EF4-FFF2-40B4-BE49-F238E27FC236}">
                  <a16:creationId xmlns:a16="http://schemas.microsoft.com/office/drawing/2014/main" id="{D7F94E43-D3D0-431A-5167-5783610EF951}"/>
                </a:ext>
              </a:extLst>
            </p:cNvPr>
            <p:cNvGrpSpPr/>
            <p:nvPr/>
          </p:nvGrpSpPr>
          <p:grpSpPr>
            <a:xfrm>
              <a:off x="12578867" y="3586535"/>
              <a:ext cx="2471894" cy="458193"/>
              <a:chOff x="17242312" y="6900893"/>
              <a:chExt cx="2471894" cy="458193"/>
            </a:xfrm>
          </p:grpSpPr>
          <p:sp>
            <p:nvSpPr>
              <p:cNvPr id="19" name="Round Same Side Corner Rectangle 14">
                <a:extLst>
                  <a:ext uri="{FF2B5EF4-FFF2-40B4-BE49-F238E27FC236}">
                    <a16:creationId xmlns:a16="http://schemas.microsoft.com/office/drawing/2014/main" id="{5531C872-1148-1A46-BA73-110F32D5D114}"/>
                  </a:ext>
                </a:extLst>
              </p:cNvPr>
              <p:cNvSpPr/>
              <p:nvPr/>
            </p:nvSpPr>
            <p:spPr>
              <a:xfrm rot="5400000">
                <a:off x="18317324" y="5962205"/>
                <a:ext cx="321869" cy="2471894"/>
              </a:xfrm>
              <a:prstGeom prst="round2SameRect">
                <a:avLst>
                  <a:gd name="adj1" fmla="val 50000"/>
                  <a:gd name="adj2" fmla="val 0"/>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20" name="Oval 19">
                <a:extLst>
                  <a:ext uri="{FF2B5EF4-FFF2-40B4-BE49-F238E27FC236}">
                    <a16:creationId xmlns:a16="http://schemas.microsoft.com/office/drawing/2014/main" id="{EE7B0A6B-4685-3B75-4DF7-70C396BA70DD}"/>
                  </a:ext>
                </a:extLst>
              </p:cNvPr>
              <p:cNvSpPr/>
              <p:nvPr/>
            </p:nvSpPr>
            <p:spPr>
              <a:xfrm>
                <a:off x="18357589" y="6900893"/>
                <a:ext cx="351038" cy="351130"/>
              </a:xfrm>
              <a:prstGeom prst="ellipse">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nvGrpSpPr>
            <p:cNvPr id="10" name="Group 9">
              <a:extLst>
                <a:ext uri="{FF2B5EF4-FFF2-40B4-BE49-F238E27FC236}">
                  <a16:creationId xmlns:a16="http://schemas.microsoft.com/office/drawing/2014/main" id="{27402AB9-740F-4B60-9CC7-E79ACB65A1E2}"/>
                </a:ext>
              </a:extLst>
            </p:cNvPr>
            <p:cNvGrpSpPr/>
            <p:nvPr/>
          </p:nvGrpSpPr>
          <p:grpSpPr>
            <a:xfrm>
              <a:off x="5031546" y="3722868"/>
              <a:ext cx="2471894" cy="472809"/>
              <a:chOff x="9694991" y="7037226"/>
              <a:chExt cx="2471894" cy="472809"/>
            </a:xfrm>
          </p:grpSpPr>
          <p:sp>
            <p:nvSpPr>
              <p:cNvPr id="17" name="Rectangle 16">
                <a:extLst>
                  <a:ext uri="{FF2B5EF4-FFF2-40B4-BE49-F238E27FC236}">
                    <a16:creationId xmlns:a16="http://schemas.microsoft.com/office/drawing/2014/main" id="{93804B17-54A8-AE1A-680D-1524F22A0E65}"/>
                  </a:ext>
                </a:extLst>
              </p:cNvPr>
              <p:cNvSpPr/>
              <p:nvPr/>
            </p:nvSpPr>
            <p:spPr>
              <a:xfrm>
                <a:off x="9694991" y="7037226"/>
                <a:ext cx="2471894" cy="321871"/>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18" name="Oval 17">
                <a:extLst>
                  <a:ext uri="{FF2B5EF4-FFF2-40B4-BE49-F238E27FC236}">
                    <a16:creationId xmlns:a16="http://schemas.microsoft.com/office/drawing/2014/main" id="{E8B161B5-A98D-3435-6CEF-C073A3D9A793}"/>
                  </a:ext>
                </a:extLst>
              </p:cNvPr>
              <p:cNvSpPr/>
              <p:nvPr/>
            </p:nvSpPr>
            <p:spPr>
              <a:xfrm>
                <a:off x="10799299" y="7158905"/>
                <a:ext cx="351038" cy="35113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nvGrpSpPr>
            <p:cNvPr id="11" name="Group 10">
              <a:extLst>
                <a:ext uri="{FF2B5EF4-FFF2-40B4-BE49-F238E27FC236}">
                  <a16:creationId xmlns:a16="http://schemas.microsoft.com/office/drawing/2014/main" id="{F668231F-3717-E922-A9D5-9CB10F51F5A4}"/>
                </a:ext>
              </a:extLst>
            </p:cNvPr>
            <p:cNvGrpSpPr/>
            <p:nvPr/>
          </p:nvGrpSpPr>
          <p:grpSpPr>
            <a:xfrm>
              <a:off x="0" y="3722864"/>
              <a:ext cx="2471894" cy="472813"/>
              <a:chOff x="4663445" y="7037222"/>
              <a:chExt cx="2471894" cy="472813"/>
            </a:xfrm>
          </p:grpSpPr>
          <p:sp>
            <p:nvSpPr>
              <p:cNvPr id="15" name="Round Same Side Corner Rectangle 15">
                <a:extLst>
                  <a:ext uri="{FF2B5EF4-FFF2-40B4-BE49-F238E27FC236}">
                    <a16:creationId xmlns:a16="http://schemas.microsoft.com/office/drawing/2014/main" id="{9AAD7792-58CF-BB95-EDD4-43A07266A5EB}"/>
                  </a:ext>
                </a:extLst>
              </p:cNvPr>
              <p:cNvSpPr/>
              <p:nvPr/>
            </p:nvSpPr>
            <p:spPr>
              <a:xfrm rot="16200000" flipH="1">
                <a:off x="5738457" y="5962210"/>
                <a:ext cx="321869" cy="2471894"/>
              </a:xfrm>
              <a:prstGeom prst="round2SameRect">
                <a:avLst>
                  <a:gd name="adj1" fmla="val 50000"/>
                  <a:gd name="adj2" fmla="val 0"/>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16" name="Oval 15">
                <a:extLst>
                  <a:ext uri="{FF2B5EF4-FFF2-40B4-BE49-F238E27FC236}">
                    <a16:creationId xmlns:a16="http://schemas.microsoft.com/office/drawing/2014/main" id="{A60D9BEB-2455-20FF-FA84-AA4C24EC21B0}"/>
                  </a:ext>
                </a:extLst>
              </p:cNvPr>
              <p:cNvSpPr/>
              <p:nvPr/>
            </p:nvSpPr>
            <p:spPr>
              <a:xfrm>
                <a:off x="5782379" y="7158905"/>
                <a:ext cx="351038" cy="35113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nvGrpSpPr>
            <p:cNvPr id="12" name="Group 11">
              <a:extLst>
                <a:ext uri="{FF2B5EF4-FFF2-40B4-BE49-F238E27FC236}">
                  <a16:creationId xmlns:a16="http://schemas.microsoft.com/office/drawing/2014/main" id="{88C8165A-1BD7-B3CB-E101-7339B581D93E}"/>
                </a:ext>
              </a:extLst>
            </p:cNvPr>
            <p:cNvGrpSpPr/>
            <p:nvPr/>
          </p:nvGrpSpPr>
          <p:grpSpPr>
            <a:xfrm>
              <a:off x="10063093" y="3722866"/>
              <a:ext cx="2471894" cy="472811"/>
              <a:chOff x="14726538" y="7037224"/>
              <a:chExt cx="2471894" cy="472811"/>
            </a:xfrm>
          </p:grpSpPr>
          <p:sp>
            <p:nvSpPr>
              <p:cNvPr id="13" name="Rectangle 12">
                <a:extLst>
                  <a:ext uri="{FF2B5EF4-FFF2-40B4-BE49-F238E27FC236}">
                    <a16:creationId xmlns:a16="http://schemas.microsoft.com/office/drawing/2014/main" id="{8F46668C-CA87-5E2B-8FE0-D1C249E88EE8}"/>
                  </a:ext>
                </a:extLst>
              </p:cNvPr>
              <p:cNvSpPr/>
              <p:nvPr/>
            </p:nvSpPr>
            <p:spPr>
              <a:xfrm>
                <a:off x="14726538" y="7037224"/>
                <a:ext cx="2471894" cy="321871"/>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14" name="Oval 13">
                <a:extLst>
                  <a:ext uri="{FF2B5EF4-FFF2-40B4-BE49-F238E27FC236}">
                    <a16:creationId xmlns:a16="http://schemas.microsoft.com/office/drawing/2014/main" id="{8D6FAEA9-F14C-D986-8DD9-B73EF95E8AA5}"/>
                  </a:ext>
                </a:extLst>
              </p:cNvPr>
              <p:cNvSpPr/>
              <p:nvPr/>
            </p:nvSpPr>
            <p:spPr>
              <a:xfrm>
                <a:off x="15786963" y="7158905"/>
                <a:ext cx="351038" cy="35113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sp>
        <p:nvSpPr>
          <p:cNvPr id="26" name="TextBox 25">
            <a:extLst>
              <a:ext uri="{FF2B5EF4-FFF2-40B4-BE49-F238E27FC236}">
                <a16:creationId xmlns:a16="http://schemas.microsoft.com/office/drawing/2014/main" id="{97ECB21D-A0AB-267C-5F35-D3ABAF35BD11}"/>
              </a:ext>
            </a:extLst>
          </p:cNvPr>
          <p:cNvSpPr txBox="1"/>
          <p:nvPr/>
        </p:nvSpPr>
        <p:spPr>
          <a:xfrm>
            <a:off x="183922" y="4328786"/>
            <a:ext cx="1243719" cy="323165"/>
          </a:xfrm>
          <a:prstGeom prst="rect">
            <a:avLst/>
          </a:prstGeom>
          <a:noFill/>
        </p:spPr>
        <p:txBody>
          <a:bodyPr wrap="square" lIns="0" tIns="0" rIns="0" bIns="0">
            <a:spAutoFit/>
          </a:bodyPr>
          <a:lstStyle/>
          <a:p>
            <a:pPr algn="ctr"/>
            <a:r>
              <a:rPr lang="en-US" altLang="en-US" sz="1050" dirty="0">
                <a:cs typeface="Arial" panose="020B0604020202020204" pitchFamily="34" charset="0"/>
              </a:rPr>
              <a:t>High Level risk assessment</a:t>
            </a:r>
          </a:p>
        </p:txBody>
      </p:sp>
      <p:sp>
        <p:nvSpPr>
          <p:cNvPr id="27" name="TextBox 26">
            <a:extLst>
              <a:ext uri="{FF2B5EF4-FFF2-40B4-BE49-F238E27FC236}">
                <a16:creationId xmlns:a16="http://schemas.microsoft.com/office/drawing/2014/main" id="{E97F540B-D057-CB60-133A-C67B28C37315}"/>
              </a:ext>
            </a:extLst>
          </p:cNvPr>
          <p:cNvSpPr txBox="1"/>
          <p:nvPr/>
        </p:nvSpPr>
        <p:spPr>
          <a:xfrm>
            <a:off x="1811061" y="4329221"/>
            <a:ext cx="1086703" cy="161583"/>
          </a:xfrm>
          <a:prstGeom prst="rect">
            <a:avLst/>
          </a:prstGeom>
          <a:noFill/>
        </p:spPr>
        <p:txBody>
          <a:bodyPr wrap="square" lIns="0" tIns="0" rIns="0" bIns="0">
            <a:spAutoFit/>
          </a:bodyPr>
          <a:lstStyle/>
          <a:p>
            <a:pPr algn="ctr"/>
            <a:r>
              <a:rPr lang="en-US" altLang="en-US" sz="1050" dirty="0">
                <a:cs typeface="Arial" panose="020B0604020202020204" pitchFamily="34" charset="0"/>
              </a:rPr>
              <a:t>Deeper dives</a:t>
            </a:r>
          </a:p>
        </p:txBody>
      </p:sp>
      <p:sp>
        <p:nvSpPr>
          <p:cNvPr id="28" name="TextBox 27">
            <a:extLst>
              <a:ext uri="{FF2B5EF4-FFF2-40B4-BE49-F238E27FC236}">
                <a16:creationId xmlns:a16="http://schemas.microsoft.com/office/drawing/2014/main" id="{E5833786-15E1-8352-5C61-4A15687C6E51}"/>
              </a:ext>
            </a:extLst>
          </p:cNvPr>
          <p:cNvSpPr txBox="1"/>
          <p:nvPr/>
        </p:nvSpPr>
        <p:spPr>
          <a:xfrm>
            <a:off x="3458716" y="4329221"/>
            <a:ext cx="749129" cy="484748"/>
          </a:xfrm>
          <a:prstGeom prst="rect">
            <a:avLst/>
          </a:prstGeom>
          <a:noFill/>
        </p:spPr>
        <p:txBody>
          <a:bodyPr wrap="square" lIns="0" tIns="0" rIns="0" bIns="0">
            <a:spAutoFit/>
          </a:bodyPr>
          <a:lstStyle/>
          <a:p>
            <a:pPr algn="ctr"/>
            <a:r>
              <a:rPr lang="en-US" altLang="en-US" sz="1050">
                <a:cs typeface="Arial" panose="020B0604020202020204" pitchFamily="34" charset="0"/>
              </a:rPr>
              <a:t>Quantitative or resilience-based design</a:t>
            </a:r>
          </a:p>
        </p:txBody>
      </p:sp>
      <p:sp>
        <p:nvSpPr>
          <p:cNvPr id="29" name="TextBox 28">
            <a:extLst>
              <a:ext uri="{FF2B5EF4-FFF2-40B4-BE49-F238E27FC236}">
                <a16:creationId xmlns:a16="http://schemas.microsoft.com/office/drawing/2014/main" id="{0FF8B898-9BAC-EA64-E7C8-30F853659F42}"/>
              </a:ext>
            </a:extLst>
          </p:cNvPr>
          <p:cNvSpPr txBox="1"/>
          <p:nvPr/>
        </p:nvSpPr>
        <p:spPr>
          <a:xfrm>
            <a:off x="973444" y="2943295"/>
            <a:ext cx="749129" cy="323165"/>
          </a:xfrm>
          <a:prstGeom prst="rect">
            <a:avLst/>
          </a:prstGeom>
          <a:noFill/>
        </p:spPr>
        <p:txBody>
          <a:bodyPr wrap="square" lIns="0" tIns="0" rIns="0" bIns="0">
            <a:spAutoFit/>
          </a:bodyPr>
          <a:lstStyle/>
          <a:p>
            <a:pPr algn="ctr"/>
            <a:r>
              <a:rPr lang="en-US" altLang="en-US" sz="1050">
                <a:cs typeface="Arial" panose="020B0604020202020204" pitchFamily="34" charset="0"/>
              </a:rPr>
              <a:t>Decision to proceed</a:t>
            </a:r>
          </a:p>
        </p:txBody>
      </p:sp>
      <p:sp>
        <p:nvSpPr>
          <p:cNvPr id="30" name="TextBox 29">
            <a:extLst>
              <a:ext uri="{FF2B5EF4-FFF2-40B4-BE49-F238E27FC236}">
                <a16:creationId xmlns:a16="http://schemas.microsoft.com/office/drawing/2014/main" id="{99D54558-F21D-7604-340C-45A47506DC4B}"/>
              </a:ext>
            </a:extLst>
          </p:cNvPr>
          <p:cNvSpPr txBox="1"/>
          <p:nvPr/>
        </p:nvSpPr>
        <p:spPr>
          <a:xfrm>
            <a:off x="2517060" y="2943295"/>
            <a:ext cx="976639" cy="323165"/>
          </a:xfrm>
          <a:prstGeom prst="rect">
            <a:avLst/>
          </a:prstGeom>
          <a:noFill/>
        </p:spPr>
        <p:txBody>
          <a:bodyPr wrap="square" lIns="0" tIns="0" rIns="0" bIns="0">
            <a:spAutoFit/>
          </a:bodyPr>
          <a:lstStyle/>
          <a:p>
            <a:pPr algn="ctr"/>
            <a:r>
              <a:rPr lang="en-US" altLang="en-US" sz="1050">
                <a:cs typeface="Arial" panose="020B0604020202020204" pitchFamily="34" charset="0"/>
              </a:rPr>
              <a:t>Decision to take recommendations</a:t>
            </a:r>
          </a:p>
        </p:txBody>
      </p:sp>
      <p:sp>
        <p:nvSpPr>
          <p:cNvPr id="31" name="TextBox 30">
            <a:extLst>
              <a:ext uri="{FF2B5EF4-FFF2-40B4-BE49-F238E27FC236}">
                <a16:creationId xmlns:a16="http://schemas.microsoft.com/office/drawing/2014/main" id="{31991F2E-C20A-87F2-0CE4-E9C197CBC420}"/>
              </a:ext>
            </a:extLst>
          </p:cNvPr>
          <p:cNvSpPr txBox="1"/>
          <p:nvPr/>
        </p:nvSpPr>
        <p:spPr>
          <a:xfrm>
            <a:off x="4339702" y="2943295"/>
            <a:ext cx="749130" cy="161583"/>
          </a:xfrm>
          <a:prstGeom prst="rect">
            <a:avLst/>
          </a:prstGeom>
          <a:noFill/>
        </p:spPr>
        <p:txBody>
          <a:bodyPr wrap="square" lIns="0" tIns="0" rIns="0" bIns="0">
            <a:spAutoFit/>
          </a:bodyPr>
          <a:lstStyle/>
          <a:p>
            <a:pPr algn="ctr"/>
            <a:r>
              <a:rPr lang="en-US" altLang="en-US" sz="1050">
                <a:cs typeface="Arial" panose="020B0604020202020204" pitchFamily="34" charset="0"/>
              </a:rPr>
              <a:t>Final design</a:t>
            </a:r>
          </a:p>
        </p:txBody>
      </p:sp>
      <p:sp>
        <p:nvSpPr>
          <p:cNvPr id="32" name="TextBox 31">
            <a:extLst>
              <a:ext uri="{FF2B5EF4-FFF2-40B4-BE49-F238E27FC236}">
                <a16:creationId xmlns:a16="http://schemas.microsoft.com/office/drawing/2014/main" id="{DF9BB67A-FE4C-BCCD-8978-52B9533AA5F8}"/>
              </a:ext>
            </a:extLst>
          </p:cNvPr>
          <p:cNvSpPr txBox="1"/>
          <p:nvPr/>
        </p:nvSpPr>
        <p:spPr>
          <a:xfrm>
            <a:off x="315640" y="5381302"/>
            <a:ext cx="4782573" cy="169277"/>
          </a:xfrm>
          <a:prstGeom prst="rect">
            <a:avLst/>
          </a:prstGeom>
          <a:noFill/>
        </p:spPr>
        <p:txBody>
          <a:bodyPr wrap="square" lIns="0" tIns="0" rIns="0" bIns="0">
            <a:spAutoFit/>
          </a:bodyPr>
          <a:lstStyle/>
          <a:p>
            <a:pPr algn="ctr"/>
            <a:r>
              <a:rPr lang="en-US" altLang="en-US" sz="1100" b="1">
                <a:cs typeface="Arial" panose="020B0604020202020204" pitchFamily="34" charset="0"/>
              </a:rPr>
              <a:t>Site selection             →             Due diligence             →             New construction</a:t>
            </a:r>
          </a:p>
        </p:txBody>
      </p:sp>
      <p:cxnSp>
        <p:nvCxnSpPr>
          <p:cNvPr id="34" name="Straight Connector 33">
            <a:extLst>
              <a:ext uri="{FF2B5EF4-FFF2-40B4-BE49-F238E27FC236}">
                <a16:creationId xmlns:a16="http://schemas.microsoft.com/office/drawing/2014/main" id="{BD715CDE-0322-1D35-D8B8-AD41A755E465}"/>
              </a:ext>
            </a:extLst>
          </p:cNvPr>
          <p:cNvCxnSpPr/>
          <p:nvPr/>
        </p:nvCxnSpPr>
        <p:spPr>
          <a:xfrm>
            <a:off x="1746409" y="4001377"/>
            <a:ext cx="0" cy="1208976"/>
          </a:xfrm>
          <a:prstGeom prst="line">
            <a:avLst/>
          </a:prstGeom>
          <a:ln>
            <a:solidFill>
              <a:schemeClr val="bg1">
                <a:lumMod val="65000"/>
              </a:schemeClr>
            </a:solidFill>
            <a:prstDash val="dash"/>
          </a:ln>
        </p:spPr>
        <p:style>
          <a:lnRef idx="1">
            <a:schemeClr val="accent1"/>
          </a:lnRef>
          <a:fillRef idx="0">
            <a:schemeClr val="accent1"/>
          </a:fillRef>
          <a:effectRef idx="0">
            <a:schemeClr val="accent1"/>
          </a:effectRef>
          <a:fontRef idx="minor">
            <a:schemeClr val="tx1"/>
          </a:fontRef>
        </p:style>
      </p:cxnSp>
      <p:cxnSp>
        <p:nvCxnSpPr>
          <p:cNvPr id="35" name="Straight Connector 34">
            <a:extLst>
              <a:ext uri="{FF2B5EF4-FFF2-40B4-BE49-F238E27FC236}">
                <a16:creationId xmlns:a16="http://schemas.microsoft.com/office/drawing/2014/main" id="{1EA214D2-1052-0F6D-D75D-6B9F53122AEE}"/>
              </a:ext>
            </a:extLst>
          </p:cNvPr>
          <p:cNvCxnSpPr/>
          <p:nvPr/>
        </p:nvCxnSpPr>
        <p:spPr>
          <a:xfrm>
            <a:off x="3426623" y="4001377"/>
            <a:ext cx="0" cy="1208976"/>
          </a:xfrm>
          <a:prstGeom prst="line">
            <a:avLst/>
          </a:prstGeom>
          <a:ln>
            <a:solidFill>
              <a:schemeClr val="bg1">
                <a:lumMod val="65000"/>
              </a:schemeClr>
            </a:solidFill>
            <a:prstDash val="dash"/>
          </a:ln>
        </p:spPr>
        <p:style>
          <a:lnRef idx="1">
            <a:schemeClr val="accent1"/>
          </a:lnRef>
          <a:fillRef idx="0">
            <a:schemeClr val="accent1"/>
          </a:fillRef>
          <a:effectRef idx="0">
            <a:schemeClr val="accent1"/>
          </a:effectRef>
          <a:fontRef idx="minor">
            <a:schemeClr val="tx1"/>
          </a:fontRef>
        </p:style>
      </p:cxnSp>
      <p:grpSp>
        <p:nvGrpSpPr>
          <p:cNvPr id="36" name="Group 35">
            <a:extLst>
              <a:ext uri="{FF2B5EF4-FFF2-40B4-BE49-F238E27FC236}">
                <a16:creationId xmlns:a16="http://schemas.microsoft.com/office/drawing/2014/main" id="{F81075BA-B15E-A203-F59B-F614D46B2839}"/>
              </a:ext>
            </a:extLst>
          </p:cNvPr>
          <p:cNvGrpSpPr/>
          <p:nvPr/>
        </p:nvGrpSpPr>
        <p:grpSpPr>
          <a:xfrm>
            <a:off x="6961851" y="3653663"/>
            <a:ext cx="5025990" cy="456777"/>
            <a:chOff x="0" y="3563471"/>
            <a:chExt cx="15050761" cy="632206"/>
          </a:xfrm>
        </p:grpSpPr>
        <p:grpSp>
          <p:nvGrpSpPr>
            <p:cNvPr id="37" name="Group 36">
              <a:extLst>
                <a:ext uri="{FF2B5EF4-FFF2-40B4-BE49-F238E27FC236}">
                  <a16:creationId xmlns:a16="http://schemas.microsoft.com/office/drawing/2014/main" id="{FE838CC4-9421-7488-A0C3-07D2B36408E2}"/>
                </a:ext>
              </a:extLst>
            </p:cNvPr>
            <p:cNvGrpSpPr/>
            <p:nvPr/>
          </p:nvGrpSpPr>
          <p:grpSpPr>
            <a:xfrm>
              <a:off x="7547320" y="3563471"/>
              <a:ext cx="2471894" cy="481266"/>
              <a:chOff x="12210765" y="6877829"/>
              <a:chExt cx="2471894" cy="481266"/>
            </a:xfrm>
          </p:grpSpPr>
          <p:sp>
            <p:nvSpPr>
              <p:cNvPr id="55" name="Rectangle 54">
                <a:extLst>
                  <a:ext uri="{FF2B5EF4-FFF2-40B4-BE49-F238E27FC236}">
                    <a16:creationId xmlns:a16="http://schemas.microsoft.com/office/drawing/2014/main" id="{572C7D92-23DD-1537-59B8-6D166D05115E}"/>
                  </a:ext>
                </a:extLst>
              </p:cNvPr>
              <p:cNvSpPr/>
              <p:nvPr/>
            </p:nvSpPr>
            <p:spPr>
              <a:xfrm>
                <a:off x="12210765" y="7037224"/>
                <a:ext cx="2471894" cy="321871"/>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56" name="Oval 55">
                <a:extLst>
                  <a:ext uri="{FF2B5EF4-FFF2-40B4-BE49-F238E27FC236}">
                    <a16:creationId xmlns:a16="http://schemas.microsoft.com/office/drawing/2014/main" id="{DA81693D-A647-D56B-F0A6-D25DA0803D97}"/>
                  </a:ext>
                </a:extLst>
              </p:cNvPr>
              <p:cNvSpPr/>
              <p:nvPr/>
            </p:nvSpPr>
            <p:spPr>
              <a:xfrm>
                <a:off x="13271193" y="6877829"/>
                <a:ext cx="351038" cy="351130"/>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nvGrpSpPr>
            <p:cNvPr id="38" name="Group 37">
              <a:extLst>
                <a:ext uri="{FF2B5EF4-FFF2-40B4-BE49-F238E27FC236}">
                  <a16:creationId xmlns:a16="http://schemas.microsoft.com/office/drawing/2014/main" id="{F9CD8A18-577D-AD40-0451-1E25DBE01545}"/>
                </a:ext>
              </a:extLst>
            </p:cNvPr>
            <p:cNvGrpSpPr/>
            <p:nvPr/>
          </p:nvGrpSpPr>
          <p:grpSpPr>
            <a:xfrm>
              <a:off x="2515773" y="3578094"/>
              <a:ext cx="2471894" cy="466648"/>
              <a:chOff x="7179218" y="6892452"/>
              <a:chExt cx="2471894" cy="466648"/>
            </a:xfrm>
          </p:grpSpPr>
          <p:sp>
            <p:nvSpPr>
              <p:cNvPr id="53" name="Rectangle 52">
                <a:extLst>
                  <a:ext uri="{FF2B5EF4-FFF2-40B4-BE49-F238E27FC236}">
                    <a16:creationId xmlns:a16="http://schemas.microsoft.com/office/drawing/2014/main" id="{7F2908D1-8614-64BB-9C5F-9FF49A827028}"/>
                  </a:ext>
                </a:extLst>
              </p:cNvPr>
              <p:cNvSpPr/>
              <p:nvPr/>
            </p:nvSpPr>
            <p:spPr>
              <a:xfrm>
                <a:off x="7179218" y="7037229"/>
                <a:ext cx="2471894" cy="321871"/>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54" name="Oval 53">
                <a:extLst>
                  <a:ext uri="{FF2B5EF4-FFF2-40B4-BE49-F238E27FC236}">
                    <a16:creationId xmlns:a16="http://schemas.microsoft.com/office/drawing/2014/main" id="{96AAA9CC-416F-8366-B3C8-EB6510E312F1}"/>
                  </a:ext>
                </a:extLst>
              </p:cNvPr>
              <p:cNvSpPr/>
              <p:nvPr/>
            </p:nvSpPr>
            <p:spPr>
              <a:xfrm>
                <a:off x="8195766" y="6892452"/>
                <a:ext cx="351038" cy="35113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nvGrpSpPr>
            <p:cNvPr id="39" name="Group 38">
              <a:extLst>
                <a:ext uri="{FF2B5EF4-FFF2-40B4-BE49-F238E27FC236}">
                  <a16:creationId xmlns:a16="http://schemas.microsoft.com/office/drawing/2014/main" id="{78538291-57DC-B983-BB1C-2F5CDEE6395E}"/>
                </a:ext>
              </a:extLst>
            </p:cNvPr>
            <p:cNvGrpSpPr/>
            <p:nvPr/>
          </p:nvGrpSpPr>
          <p:grpSpPr>
            <a:xfrm>
              <a:off x="12578867" y="3586535"/>
              <a:ext cx="2471894" cy="458193"/>
              <a:chOff x="17242312" y="6900893"/>
              <a:chExt cx="2471894" cy="458193"/>
            </a:xfrm>
          </p:grpSpPr>
          <p:sp>
            <p:nvSpPr>
              <p:cNvPr id="51" name="Round Same Side Corner Rectangle 14">
                <a:extLst>
                  <a:ext uri="{FF2B5EF4-FFF2-40B4-BE49-F238E27FC236}">
                    <a16:creationId xmlns:a16="http://schemas.microsoft.com/office/drawing/2014/main" id="{CAD39C9A-DA6B-617A-1DBB-831672D9ABC7}"/>
                  </a:ext>
                </a:extLst>
              </p:cNvPr>
              <p:cNvSpPr/>
              <p:nvPr/>
            </p:nvSpPr>
            <p:spPr>
              <a:xfrm rot="5400000">
                <a:off x="18317324" y="5962205"/>
                <a:ext cx="321869" cy="2471894"/>
              </a:xfrm>
              <a:prstGeom prst="round2SameRect">
                <a:avLst>
                  <a:gd name="adj1" fmla="val 50000"/>
                  <a:gd name="adj2" fmla="val 0"/>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52" name="Oval 51">
                <a:extLst>
                  <a:ext uri="{FF2B5EF4-FFF2-40B4-BE49-F238E27FC236}">
                    <a16:creationId xmlns:a16="http://schemas.microsoft.com/office/drawing/2014/main" id="{A4902420-816D-43D0-76BD-B3669B42C4CF}"/>
                  </a:ext>
                </a:extLst>
              </p:cNvPr>
              <p:cNvSpPr/>
              <p:nvPr/>
            </p:nvSpPr>
            <p:spPr>
              <a:xfrm>
                <a:off x="18357589" y="6900893"/>
                <a:ext cx="351038" cy="351130"/>
              </a:xfrm>
              <a:prstGeom prst="ellipse">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nvGrpSpPr>
            <p:cNvPr id="40" name="Group 39">
              <a:extLst>
                <a:ext uri="{FF2B5EF4-FFF2-40B4-BE49-F238E27FC236}">
                  <a16:creationId xmlns:a16="http://schemas.microsoft.com/office/drawing/2014/main" id="{C732BD63-4167-EEDC-D2A8-3EF63F8AE408}"/>
                </a:ext>
              </a:extLst>
            </p:cNvPr>
            <p:cNvGrpSpPr/>
            <p:nvPr/>
          </p:nvGrpSpPr>
          <p:grpSpPr>
            <a:xfrm>
              <a:off x="5031546" y="3722868"/>
              <a:ext cx="2471894" cy="472809"/>
              <a:chOff x="9694991" y="7037226"/>
              <a:chExt cx="2471894" cy="472809"/>
            </a:xfrm>
          </p:grpSpPr>
          <p:sp>
            <p:nvSpPr>
              <p:cNvPr id="49" name="Rectangle 48">
                <a:extLst>
                  <a:ext uri="{FF2B5EF4-FFF2-40B4-BE49-F238E27FC236}">
                    <a16:creationId xmlns:a16="http://schemas.microsoft.com/office/drawing/2014/main" id="{A65EE075-3CE6-5A26-F966-79D208190FF6}"/>
                  </a:ext>
                </a:extLst>
              </p:cNvPr>
              <p:cNvSpPr/>
              <p:nvPr/>
            </p:nvSpPr>
            <p:spPr>
              <a:xfrm>
                <a:off x="9694991" y="7037226"/>
                <a:ext cx="2471894" cy="321871"/>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50" name="Oval 49">
                <a:extLst>
                  <a:ext uri="{FF2B5EF4-FFF2-40B4-BE49-F238E27FC236}">
                    <a16:creationId xmlns:a16="http://schemas.microsoft.com/office/drawing/2014/main" id="{05575060-E908-CF2E-7DBC-E4B47E9CA702}"/>
                  </a:ext>
                </a:extLst>
              </p:cNvPr>
              <p:cNvSpPr/>
              <p:nvPr/>
            </p:nvSpPr>
            <p:spPr>
              <a:xfrm>
                <a:off x="10799299" y="7158905"/>
                <a:ext cx="351038" cy="35113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nvGrpSpPr>
            <p:cNvPr id="43" name="Group 42">
              <a:extLst>
                <a:ext uri="{FF2B5EF4-FFF2-40B4-BE49-F238E27FC236}">
                  <a16:creationId xmlns:a16="http://schemas.microsoft.com/office/drawing/2014/main" id="{7D56B4BB-658A-ABC6-8209-B1AA6B14A4A8}"/>
                </a:ext>
              </a:extLst>
            </p:cNvPr>
            <p:cNvGrpSpPr/>
            <p:nvPr/>
          </p:nvGrpSpPr>
          <p:grpSpPr>
            <a:xfrm>
              <a:off x="0" y="3722864"/>
              <a:ext cx="2471894" cy="472813"/>
              <a:chOff x="4663445" y="7037222"/>
              <a:chExt cx="2471894" cy="472813"/>
            </a:xfrm>
          </p:grpSpPr>
          <p:sp>
            <p:nvSpPr>
              <p:cNvPr id="47" name="Round Same Side Corner Rectangle 15">
                <a:extLst>
                  <a:ext uri="{FF2B5EF4-FFF2-40B4-BE49-F238E27FC236}">
                    <a16:creationId xmlns:a16="http://schemas.microsoft.com/office/drawing/2014/main" id="{3C4F33C2-77A5-D34A-9E4C-09441849275F}"/>
                  </a:ext>
                </a:extLst>
              </p:cNvPr>
              <p:cNvSpPr/>
              <p:nvPr/>
            </p:nvSpPr>
            <p:spPr>
              <a:xfrm rot="16200000" flipH="1">
                <a:off x="5738457" y="5962210"/>
                <a:ext cx="321869" cy="2471894"/>
              </a:xfrm>
              <a:prstGeom prst="round2SameRect">
                <a:avLst>
                  <a:gd name="adj1" fmla="val 50000"/>
                  <a:gd name="adj2" fmla="val 0"/>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48" name="Oval 47">
                <a:extLst>
                  <a:ext uri="{FF2B5EF4-FFF2-40B4-BE49-F238E27FC236}">
                    <a16:creationId xmlns:a16="http://schemas.microsoft.com/office/drawing/2014/main" id="{4C31960E-66D1-869B-A936-C1B47E7784A5}"/>
                  </a:ext>
                </a:extLst>
              </p:cNvPr>
              <p:cNvSpPr/>
              <p:nvPr/>
            </p:nvSpPr>
            <p:spPr>
              <a:xfrm>
                <a:off x="5782379" y="7158905"/>
                <a:ext cx="351038" cy="35113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nvGrpSpPr>
            <p:cNvPr id="44" name="Group 43">
              <a:extLst>
                <a:ext uri="{FF2B5EF4-FFF2-40B4-BE49-F238E27FC236}">
                  <a16:creationId xmlns:a16="http://schemas.microsoft.com/office/drawing/2014/main" id="{DCEF4C3D-91AC-99D6-70AB-D73EF64F22E6}"/>
                </a:ext>
              </a:extLst>
            </p:cNvPr>
            <p:cNvGrpSpPr/>
            <p:nvPr/>
          </p:nvGrpSpPr>
          <p:grpSpPr>
            <a:xfrm>
              <a:off x="10063093" y="3722866"/>
              <a:ext cx="2471894" cy="472811"/>
              <a:chOff x="14726538" y="7037224"/>
              <a:chExt cx="2471894" cy="472811"/>
            </a:xfrm>
          </p:grpSpPr>
          <p:sp>
            <p:nvSpPr>
              <p:cNvPr id="45" name="Rectangle 44">
                <a:extLst>
                  <a:ext uri="{FF2B5EF4-FFF2-40B4-BE49-F238E27FC236}">
                    <a16:creationId xmlns:a16="http://schemas.microsoft.com/office/drawing/2014/main" id="{15766A6B-5C0D-3F8A-E17B-C4D4933769B3}"/>
                  </a:ext>
                </a:extLst>
              </p:cNvPr>
              <p:cNvSpPr/>
              <p:nvPr/>
            </p:nvSpPr>
            <p:spPr>
              <a:xfrm>
                <a:off x="14726538" y="7037224"/>
                <a:ext cx="2471894" cy="321871"/>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sp>
            <p:nvSpPr>
              <p:cNvPr id="46" name="Oval 45">
                <a:extLst>
                  <a:ext uri="{FF2B5EF4-FFF2-40B4-BE49-F238E27FC236}">
                    <a16:creationId xmlns:a16="http://schemas.microsoft.com/office/drawing/2014/main" id="{F64E321A-9BAD-16DC-6FE5-0272DBFCEC63}"/>
                  </a:ext>
                </a:extLst>
              </p:cNvPr>
              <p:cNvSpPr/>
              <p:nvPr/>
            </p:nvSpPr>
            <p:spPr>
              <a:xfrm>
                <a:off x="15786963" y="7158905"/>
                <a:ext cx="351038" cy="35113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lIns="219419" tIns="109710" rIns="219419" bIns="109710" rtlCol="0" anchor="ctr"/>
              <a:lstStyle/>
              <a:p>
                <a:pPr algn="ctr"/>
                <a:endParaRPr lang="bg-BG" sz="2000" baseline="-25000">
                  <a:solidFill>
                    <a:schemeClr val="tx1"/>
                  </a:solidFill>
                  <a:latin typeface="Roboto Light" charset="0"/>
                </a:endParaRPr>
              </a:p>
            </p:txBody>
          </p:sp>
        </p:grpSp>
      </p:grpSp>
      <p:sp>
        <p:nvSpPr>
          <p:cNvPr id="57" name="TextBox 56">
            <a:extLst>
              <a:ext uri="{FF2B5EF4-FFF2-40B4-BE49-F238E27FC236}">
                <a16:creationId xmlns:a16="http://schemas.microsoft.com/office/drawing/2014/main" id="{EC599F21-BD65-2597-09BD-4B3EBF007024}"/>
              </a:ext>
            </a:extLst>
          </p:cNvPr>
          <p:cNvSpPr txBox="1"/>
          <p:nvPr/>
        </p:nvSpPr>
        <p:spPr>
          <a:xfrm>
            <a:off x="7043607" y="4377255"/>
            <a:ext cx="906695" cy="484748"/>
          </a:xfrm>
          <a:prstGeom prst="rect">
            <a:avLst/>
          </a:prstGeom>
          <a:noFill/>
        </p:spPr>
        <p:txBody>
          <a:bodyPr wrap="square" lIns="0" tIns="0" rIns="0" bIns="0">
            <a:spAutoFit/>
          </a:bodyPr>
          <a:lstStyle/>
          <a:p>
            <a:pPr algn="ctr"/>
            <a:r>
              <a:rPr lang="en-US" altLang="en-US" sz="1050" dirty="0">
                <a:cs typeface="Arial" panose="020B0604020202020204" pitchFamily="34" charset="0"/>
              </a:rPr>
              <a:t>High Level risk assessment</a:t>
            </a:r>
          </a:p>
          <a:p>
            <a:pPr algn="ctr"/>
            <a:r>
              <a:rPr lang="en-US" altLang="en-US" sz="1050" dirty="0">
                <a:cs typeface="Arial" panose="020B0604020202020204" pitchFamily="34" charset="0"/>
              </a:rPr>
              <a:t>(all hazards)</a:t>
            </a:r>
          </a:p>
        </p:txBody>
      </p:sp>
      <p:sp>
        <p:nvSpPr>
          <p:cNvPr id="58" name="TextBox 57">
            <a:extLst>
              <a:ext uri="{FF2B5EF4-FFF2-40B4-BE49-F238E27FC236}">
                <a16:creationId xmlns:a16="http://schemas.microsoft.com/office/drawing/2014/main" id="{0AE8EF65-0DBE-EF29-3D53-E2D69CA237F5}"/>
              </a:ext>
            </a:extLst>
          </p:cNvPr>
          <p:cNvSpPr txBox="1"/>
          <p:nvPr/>
        </p:nvSpPr>
        <p:spPr>
          <a:xfrm>
            <a:off x="8692064" y="4329221"/>
            <a:ext cx="1358707" cy="484748"/>
          </a:xfrm>
          <a:prstGeom prst="rect">
            <a:avLst/>
          </a:prstGeom>
          <a:noFill/>
        </p:spPr>
        <p:txBody>
          <a:bodyPr wrap="square" lIns="0" tIns="0" rIns="0" bIns="0">
            <a:spAutoFit/>
          </a:bodyPr>
          <a:lstStyle/>
          <a:p>
            <a:pPr algn="ctr"/>
            <a:r>
              <a:rPr lang="en-US" altLang="en-US" sz="1050" dirty="0">
                <a:cs typeface="Arial" panose="020B0604020202020204" pitchFamily="34" charset="0"/>
              </a:rPr>
              <a:t>Quantitative (deeper dives for higher risks only</a:t>
            </a:r>
          </a:p>
        </p:txBody>
      </p:sp>
      <p:sp>
        <p:nvSpPr>
          <p:cNvPr id="59" name="TextBox 58">
            <a:extLst>
              <a:ext uri="{FF2B5EF4-FFF2-40B4-BE49-F238E27FC236}">
                <a16:creationId xmlns:a16="http://schemas.microsoft.com/office/drawing/2014/main" id="{01EE89E9-3FB8-7D65-2F16-604D97AF1C8F}"/>
              </a:ext>
            </a:extLst>
          </p:cNvPr>
          <p:cNvSpPr txBox="1"/>
          <p:nvPr/>
        </p:nvSpPr>
        <p:spPr>
          <a:xfrm>
            <a:off x="10339719" y="4329221"/>
            <a:ext cx="749129" cy="484748"/>
          </a:xfrm>
          <a:prstGeom prst="rect">
            <a:avLst/>
          </a:prstGeom>
          <a:noFill/>
        </p:spPr>
        <p:txBody>
          <a:bodyPr wrap="square" lIns="0" tIns="0" rIns="0" bIns="0">
            <a:spAutoFit/>
          </a:bodyPr>
          <a:lstStyle/>
          <a:p>
            <a:pPr algn="ctr"/>
            <a:r>
              <a:rPr lang="en-US" altLang="en-US" sz="1050">
                <a:cs typeface="Arial" panose="020B0604020202020204" pitchFamily="34" charset="0"/>
              </a:rPr>
              <a:t>Develop site-specific measures</a:t>
            </a:r>
          </a:p>
        </p:txBody>
      </p:sp>
      <p:sp>
        <p:nvSpPr>
          <p:cNvPr id="60" name="TextBox 59">
            <a:extLst>
              <a:ext uri="{FF2B5EF4-FFF2-40B4-BE49-F238E27FC236}">
                <a16:creationId xmlns:a16="http://schemas.microsoft.com/office/drawing/2014/main" id="{95A4F6A4-E4EA-23C6-2B4F-BDE1D1C92408}"/>
              </a:ext>
            </a:extLst>
          </p:cNvPr>
          <p:cNvSpPr txBox="1"/>
          <p:nvPr/>
        </p:nvSpPr>
        <p:spPr>
          <a:xfrm>
            <a:off x="7854447" y="2943295"/>
            <a:ext cx="749129" cy="161583"/>
          </a:xfrm>
          <a:prstGeom prst="rect">
            <a:avLst/>
          </a:prstGeom>
          <a:noFill/>
        </p:spPr>
        <p:txBody>
          <a:bodyPr wrap="square" lIns="0" tIns="0" rIns="0" bIns="0">
            <a:spAutoFit/>
          </a:bodyPr>
          <a:lstStyle/>
          <a:p>
            <a:pPr algn="ctr"/>
            <a:r>
              <a:rPr lang="en-US" altLang="en-US" sz="1050">
                <a:cs typeface="Arial" panose="020B0604020202020204" pitchFamily="34" charset="0"/>
              </a:rPr>
              <a:t>Prioritization</a:t>
            </a:r>
          </a:p>
        </p:txBody>
      </p:sp>
      <p:sp>
        <p:nvSpPr>
          <p:cNvPr id="61" name="TextBox 60">
            <a:extLst>
              <a:ext uri="{FF2B5EF4-FFF2-40B4-BE49-F238E27FC236}">
                <a16:creationId xmlns:a16="http://schemas.microsoft.com/office/drawing/2014/main" id="{00120494-EBB8-8832-C208-E341747384F0}"/>
              </a:ext>
            </a:extLst>
          </p:cNvPr>
          <p:cNvSpPr txBox="1"/>
          <p:nvPr/>
        </p:nvSpPr>
        <p:spPr>
          <a:xfrm>
            <a:off x="9398063" y="2943295"/>
            <a:ext cx="976639" cy="323165"/>
          </a:xfrm>
          <a:prstGeom prst="rect">
            <a:avLst/>
          </a:prstGeom>
          <a:noFill/>
        </p:spPr>
        <p:txBody>
          <a:bodyPr wrap="square" lIns="0" tIns="0" rIns="0" bIns="0">
            <a:spAutoFit/>
          </a:bodyPr>
          <a:lstStyle/>
          <a:p>
            <a:pPr algn="ctr"/>
            <a:r>
              <a:rPr lang="en-US" altLang="en-US" sz="1050">
                <a:cs typeface="Arial" panose="020B0604020202020204" pitchFamily="34" charset="0"/>
              </a:rPr>
              <a:t>Internal validation with sites</a:t>
            </a:r>
          </a:p>
        </p:txBody>
      </p:sp>
      <p:sp>
        <p:nvSpPr>
          <p:cNvPr id="62" name="TextBox 61">
            <a:extLst>
              <a:ext uri="{FF2B5EF4-FFF2-40B4-BE49-F238E27FC236}">
                <a16:creationId xmlns:a16="http://schemas.microsoft.com/office/drawing/2014/main" id="{F852E3DD-6A79-8CC3-5396-7DF6B92A3346}"/>
              </a:ext>
            </a:extLst>
          </p:cNvPr>
          <p:cNvSpPr txBox="1"/>
          <p:nvPr/>
        </p:nvSpPr>
        <p:spPr>
          <a:xfrm>
            <a:off x="11220705" y="2943295"/>
            <a:ext cx="749130" cy="484748"/>
          </a:xfrm>
          <a:prstGeom prst="rect">
            <a:avLst/>
          </a:prstGeom>
          <a:noFill/>
        </p:spPr>
        <p:txBody>
          <a:bodyPr wrap="square" lIns="0" tIns="0" rIns="0" bIns="0">
            <a:spAutoFit/>
          </a:bodyPr>
          <a:lstStyle/>
          <a:p>
            <a:pPr algn="ctr"/>
            <a:r>
              <a:rPr lang="en-US" altLang="en-US" sz="1050">
                <a:cs typeface="Arial" panose="020B0604020202020204" pitchFamily="34" charset="0"/>
              </a:rPr>
              <a:t>Site resilience solutions action</a:t>
            </a:r>
          </a:p>
        </p:txBody>
      </p:sp>
      <p:sp>
        <p:nvSpPr>
          <p:cNvPr id="63" name="TextBox 62">
            <a:extLst>
              <a:ext uri="{FF2B5EF4-FFF2-40B4-BE49-F238E27FC236}">
                <a16:creationId xmlns:a16="http://schemas.microsoft.com/office/drawing/2014/main" id="{40967F52-D476-018A-2E5C-9587BA7EBE67}"/>
              </a:ext>
            </a:extLst>
          </p:cNvPr>
          <p:cNvSpPr txBox="1"/>
          <p:nvPr/>
        </p:nvSpPr>
        <p:spPr>
          <a:xfrm>
            <a:off x="6659593" y="5381302"/>
            <a:ext cx="5725062" cy="169277"/>
          </a:xfrm>
          <a:prstGeom prst="rect">
            <a:avLst/>
          </a:prstGeom>
          <a:noFill/>
        </p:spPr>
        <p:txBody>
          <a:bodyPr wrap="square" lIns="0" tIns="0" rIns="0" bIns="0">
            <a:spAutoFit/>
          </a:bodyPr>
          <a:lstStyle/>
          <a:p>
            <a:pPr algn="ctr"/>
            <a:r>
              <a:rPr lang="en-US" altLang="en-US" sz="1100" b="1">
                <a:cs typeface="Arial" panose="020B0604020202020204" pitchFamily="34" charset="0"/>
              </a:rPr>
              <a:t>Portfolio assessment      →      Cluster assessments      →      Corrective measures</a:t>
            </a:r>
          </a:p>
        </p:txBody>
      </p:sp>
      <p:cxnSp>
        <p:nvCxnSpPr>
          <p:cNvPr id="64" name="Straight Connector 63">
            <a:extLst>
              <a:ext uri="{FF2B5EF4-FFF2-40B4-BE49-F238E27FC236}">
                <a16:creationId xmlns:a16="http://schemas.microsoft.com/office/drawing/2014/main" id="{1FDA6EBF-D807-EE7D-1985-6365FFB1EC27}"/>
              </a:ext>
            </a:extLst>
          </p:cNvPr>
          <p:cNvCxnSpPr/>
          <p:nvPr/>
        </p:nvCxnSpPr>
        <p:spPr>
          <a:xfrm>
            <a:off x="8627412" y="4001377"/>
            <a:ext cx="0" cy="1208976"/>
          </a:xfrm>
          <a:prstGeom prst="line">
            <a:avLst/>
          </a:prstGeom>
          <a:ln>
            <a:solidFill>
              <a:schemeClr val="bg1">
                <a:lumMod val="65000"/>
              </a:schemeClr>
            </a:solidFill>
            <a:prstDash val="dash"/>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BA1B612F-57AE-D568-E96C-EC9D1A30A9BA}"/>
              </a:ext>
            </a:extLst>
          </p:cNvPr>
          <p:cNvCxnSpPr/>
          <p:nvPr/>
        </p:nvCxnSpPr>
        <p:spPr>
          <a:xfrm>
            <a:off x="10307626" y="4001377"/>
            <a:ext cx="0" cy="1208976"/>
          </a:xfrm>
          <a:prstGeom prst="line">
            <a:avLst/>
          </a:prstGeom>
          <a:ln>
            <a:solidFill>
              <a:schemeClr val="bg1">
                <a:lumMod val="65000"/>
              </a:schemeClr>
            </a:solidFill>
            <a:prstDash val="dash"/>
          </a:ln>
        </p:spPr>
        <p:style>
          <a:lnRef idx="1">
            <a:schemeClr val="accent1"/>
          </a:lnRef>
          <a:fillRef idx="0">
            <a:schemeClr val="accent1"/>
          </a:fillRef>
          <a:effectRef idx="0">
            <a:schemeClr val="accent1"/>
          </a:effectRef>
          <a:fontRef idx="minor">
            <a:schemeClr val="tx1"/>
          </a:fontRef>
        </p:style>
      </p:cxnSp>
      <p:sp>
        <p:nvSpPr>
          <p:cNvPr id="67" name="TextBox 66">
            <a:extLst>
              <a:ext uri="{FF2B5EF4-FFF2-40B4-BE49-F238E27FC236}">
                <a16:creationId xmlns:a16="http://schemas.microsoft.com/office/drawing/2014/main" id="{BDA5C864-3799-656E-2B59-89589738E632}"/>
              </a:ext>
            </a:extLst>
          </p:cNvPr>
          <p:cNvSpPr txBox="1"/>
          <p:nvPr/>
        </p:nvSpPr>
        <p:spPr>
          <a:xfrm>
            <a:off x="1599452" y="1904413"/>
            <a:ext cx="2079467" cy="369332"/>
          </a:xfrm>
          <a:prstGeom prst="rect">
            <a:avLst/>
          </a:prstGeom>
          <a:noFill/>
        </p:spPr>
        <p:txBody>
          <a:bodyPr wrap="square">
            <a:spAutoFit/>
          </a:bodyPr>
          <a:lstStyle/>
          <a:p>
            <a:pPr algn="ctr"/>
            <a:r>
              <a:rPr lang="en-US" altLang="en-US" sz="1800" b="1">
                <a:cs typeface="Arial" panose="020B0604020202020204" pitchFamily="34" charset="0"/>
              </a:rPr>
              <a:t>Site </a:t>
            </a:r>
            <a:r>
              <a:rPr lang="en-US" altLang="en-US" b="1">
                <a:cs typeface="Arial" panose="020B0604020202020204" pitchFamily="34" charset="0"/>
              </a:rPr>
              <a:t>Development</a:t>
            </a:r>
            <a:r>
              <a:rPr lang="en-US" altLang="en-US" sz="1800" b="1">
                <a:cs typeface="Arial" panose="020B0604020202020204" pitchFamily="34" charset="0"/>
              </a:rPr>
              <a:t> </a:t>
            </a:r>
            <a:endParaRPr lang="en-US"/>
          </a:p>
        </p:txBody>
      </p:sp>
      <p:sp>
        <p:nvSpPr>
          <p:cNvPr id="68" name="TextBox 67">
            <a:extLst>
              <a:ext uri="{FF2B5EF4-FFF2-40B4-BE49-F238E27FC236}">
                <a16:creationId xmlns:a16="http://schemas.microsoft.com/office/drawing/2014/main" id="{A05A838A-2B25-038A-B215-6AD2853AFB6B}"/>
              </a:ext>
            </a:extLst>
          </p:cNvPr>
          <p:cNvSpPr txBox="1"/>
          <p:nvPr/>
        </p:nvSpPr>
        <p:spPr>
          <a:xfrm>
            <a:off x="8401458" y="1907832"/>
            <a:ext cx="2392153" cy="369332"/>
          </a:xfrm>
          <a:prstGeom prst="rect">
            <a:avLst/>
          </a:prstGeom>
          <a:noFill/>
        </p:spPr>
        <p:txBody>
          <a:bodyPr wrap="square">
            <a:spAutoFit/>
          </a:bodyPr>
          <a:lstStyle/>
          <a:p>
            <a:pPr algn="ctr"/>
            <a:r>
              <a:rPr lang="en-US" altLang="en-US" sz="1800" b="1">
                <a:cs typeface="Arial" panose="020B0604020202020204" pitchFamily="34" charset="0"/>
              </a:rPr>
              <a:t>Portfolio Management</a:t>
            </a:r>
            <a:endParaRPr lang="en-US"/>
          </a:p>
        </p:txBody>
      </p:sp>
      <p:sp>
        <p:nvSpPr>
          <p:cNvPr id="70" name="Arrow: Right 69">
            <a:extLst>
              <a:ext uri="{FF2B5EF4-FFF2-40B4-BE49-F238E27FC236}">
                <a16:creationId xmlns:a16="http://schemas.microsoft.com/office/drawing/2014/main" id="{FBF7C6BF-59AC-98C5-84CD-6233BBD3C8AB}"/>
              </a:ext>
            </a:extLst>
          </p:cNvPr>
          <p:cNvSpPr/>
          <p:nvPr/>
        </p:nvSpPr>
        <p:spPr>
          <a:xfrm>
            <a:off x="5451894" y="3493698"/>
            <a:ext cx="1231314" cy="800465"/>
          </a:xfrm>
          <a:prstGeom prst="rightArrow">
            <a:avLst/>
          </a:prstGeom>
          <a:solidFill>
            <a:schemeClr val="bg1">
              <a:lumMod val="85000"/>
            </a:schemeClr>
          </a:solidFill>
          <a:ln>
            <a:solidFill>
              <a:schemeClr val="bg1">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Tree>
    <p:custDataLst>
      <p:custData r:id="rId1"/>
      <p:custData r:id="rId2"/>
    </p:custDataLst>
    <p:extLst>
      <p:ext uri="{BB962C8B-B14F-4D97-AF65-F5344CB8AC3E}">
        <p14:creationId xmlns:p14="http://schemas.microsoft.com/office/powerpoint/2010/main" val="1047646073"/>
      </p:ext>
    </p:extLst>
  </p:cSld>
  <p:clrMapOvr>
    <a:masterClrMapping/>
  </p:clrMapOvr>
  <p:extLst>
    <p:ext uri="{6950BFC3-D8DA-4A85-94F7-54DA5524770B}">
      <p188:commentRel xmlns:p188="http://schemas.microsoft.com/office/powerpoint/2018/8/main" r:id="rId5"/>
    </p:ext>
  </p:extLst>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Amelia.Tomkins\AppData\Local\Templafy\AddIns\PowerPointVsto\Resiliance.png"/>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noFill/>
        <a:ln>
          <a:solidFill>
            <a:srgbClr val="000000"/>
          </a:solidFill>
        </a:ln>
      </a:spPr>
      <a:bodyPr rtlCol="0" anchor="ctr"/>
      <a:lstStyle>
        <a:defPPr algn="ctr">
          <a:defRPr/>
        </a:defPPr>
      </a:lstStyle>
      <a:style>
        <a:lnRef idx="2">
          <a:schemeClr val="accent1">
            <a:shade val="15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10.xml><?xml version="1.0" encoding="utf-8"?>
<TemplafySlideTemplateConfiguration><![CDATA[{"slideVersion":1,"isValidatorEnabled":false,"isLocked":false,"elementsMetadata":[],"slideId":"637921036899360125","enableDocumentContentUpdater":false,"version":"2.0"}]]></TemplafySlideTemplateConfiguration>
</file>

<file path=customXml/item11.xml><?xml version="1.0" encoding="utf-8"?>
<TemplafySlideTemplateConfiguration><![CDATA[{"slideVersion":1,"isValidatorEnabled":false,"isLocked":false,"elementsMetadata":[],"slideId":"1233968207627288581","enableDocumentContentUpdater":false,"version":"2.0"}]]></TemplafySlideTemplateConfiguration>
</file>

<file path=customXml/item12.xml><?xml version="1.0" encoding="utf-8"?>
<TemplafySlideFormConfiguration><![CDATA[{"formFields":[],"formDataEntries":[]}]]></TemplafySlideFormConfiguration>
</file>

<file path=customXml/item2.xml><?xml version="1.0" encoding="utf-8"?>
<TemplafyTemplateConfiguration><![CDATA[{"elementsMetadata":[],"transformationConfigurations":[{"propertyName":"PPStyles","propertyValue":"","disableUpdates":false,"type":"customDocumentProperty"},{"colorTheme":"{{UserProfile.CompanySelection.BrandRef.ColorRef.ColorTheme}}","disableUpdates":fals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emplateName":"Blank","templateDescription":"","enableDocumentContentUpdater":true,"version":"2.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E075EE2FFFAF2947BEFB6D2A9E2A1DB5" ma:contentTypeVersion="20" ma:contentTypeDescription="Create a new document." ma:contentTypeScope="" ma:versionID="5f1aa1c97e6fe32e53d1bc6fdf3062b7">
  <xsd:schema xmlns:xsd="http://www.w3.org/2001/XMLSchema" xmlns:xs="http://www.w3.org/2001/XMLSchema" xmlns:p="http://schemas.microsoft.com/office/2006/metadata/properties" xmlns:ns2="337e5bc2-2713-4f7c-ac33-667c8c7d6476" xmlns:ns3="5862f945-c35f-40d4-8549-e734715c9364" targetNamespace="http://schemas.microsoft.com/office/2006/metadata/properties" ma:root="true" ma:fieldsID="d164790b6aceafc28e3ae75288cf68b4" ns2:_="" ns3:_="">
    <xsd:import namespace="337e5bc2-2713-4f7c-ac33-667c8c7d6476"/>
    <xsd:import namespace="5862f945-c35f-40d4-8549-e734715c9364"/>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LengthInSeconds" minOccurs="0"/>
                <xsd:element ref="ns2:lcf76f155ced4ddcb4097134ff3c332f" minOccurs="0"/>
                <xsd:element ref="ns3:TaxCatchAll" minOccurs="0"/>
                <xsd:element ref="ns2:content"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37e5bc2-2713-4f7c-ac33-667c8c7d647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ServiceLocation" ma:index="19" nillable="true" ma:displayName="Location" ma:internalName="MediaServiceLocatio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fe07c91c-676c-4292-ab42-0332d43006d1" ma:termSetId="09814cd3-568e-fe90-9814-8d621ff8fb84" ma:anchorId="fba54fb3-c3e1-fe81-a776-ca4b69148c4d" ma:open="true" ma:isKeyword="false">
      <xsd:complexType>
        <xsd:sequence>
          <xsd:element ref="pc:Terms" minOccurs="0" maxOccurs="1"/>
        </xsd:sequence>
      </xsd:complexType>
    </xsd:element>
    <xsd:element name="content" ma:index="24" nillable="true" ma:displayName="content" ma:description="first presentation - Tim Yates" ma:format="Dropdown" ma:internalName="content">
      <xsd:simpleType>
        <xsd:restriction base="dms:Text">
          <xsd:maxLength value="255"/>
        </xsd:restriction>
      </xsd:simple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element name="MediaServiceBillingMetadata" ma:index="27"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862f945-c35f-40d4-8549-e734715c9364"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ec4a0a0e-4355-4652-9088-3e69931c7d7a}" ma:internalName="TaxCatchAll" ma:showField="CatchAllData" ma:web="5862f945-c35f-40d4-8549-e734715c936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TaxCatchAll xmlns="5862f945-c35f-40d4-8549-e734715c9364" xsi:nil="true"/>
    <lcf76f155ced4ddcb4097134ff3c332f xmlns="337e5bc2-2713-4f7c-ac33-667c8c7d6476">
      <Terms xmlns="http://schemas.microsoft.com/office/infopath/2007/PartnerControls"/>
    </lcf76f155ced4ddcb4097134ff3c332f>
    <content xmlns="337e5bc2-2713-4f7c-ac33-667c8c7d6476" xsi:nil="true"/>
  </documentManagement>
</p:properties>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1233968207627288578","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B38A1309-93A8-4147-848C-9DBE227067B1}">
  <ds:schemaRefs/>
</ds:datastoreItem>
</file>

<file path=customXml/itemProps10.xml><?xml version="1.0" encoding="utf-8"?>
<ds:datastoreItem xmlns:ds="http://schemas.openxmlformats.org/officeDocument/2006/customXml" ds:itemID="{3293300C-C882-4B2F-8CA4-A7343F5D3F78}">
  <ds:schemaRefs/>
</ds:datastoreItem>
</file>

<file path=customXml/itemProps11.xml><?xml version="1.0" encoding="utf-8"?>
<ds:datastoreItem xmlns:ds="http://schemas.openxmlformats.org/officeDocument/2006/customXml" ds:itemID="{A567B8E4-3605-45F9-9AEA-5FBF26BDA041}">
  <ds:schemaRefs/>
</ds:datastoreItem>
</file>

<file path=customXml/itemProps12.xml><?xml version="1.0" encoding="utf-8"?>
<ds:datastoreItem xmlns:ds="http://schemas.openxmlformats.org/officeDocument/2006/customXml" ds:itemID="{07956F30-437E-4A81-83F4-B4D183328853}">
  <ds:schemaRefs/>
</ds:datastoreItem>
</file>

<file path=customXml/itemProps2.xml><?xml version="1.0" encoding="utf-8"?>
<ds:datastoreItem xmlns:ds="http://schemas.openxmlformats.org/officeDocument/2006/customXml" ds:itemID="{CBB68CCC-1B51-492A-84E3-3500C75307DB}">
  <ds:schemaRefs/>
</ds:datastoreItem>
</file>

<file path=customXml/itemProps3.xml><?xml version="1.0" encoding="utf-8"?>
<ds:datastoreItem xmlns:ds="http://schemas.openxmlformats.org/officeDocument/2006/customXml" ds:itemID="{85C9654A-CB65-48CF-ADF0-1162351C4C97}">
  <ds:schemaRefs/>
</ds:datastoreItem>
</file>

<file path=customXml/itemProps4.xml><?xml version="1.0" encoding="utf-8"?>
<ds:datastoreItem xmlns:ds="http://schemas.openxmlformats.org/officeDocument/2006/customXml" ds:itemID="{484C6BF3-BD43-44AF-B189-E1FC2D93976C}"/>
</file>

<file path=customXml/itemProps5.xml><?xml version="1.0" encoding="utf-8"?>
<ds:datastoreItem xmlns:ds="http://schemas.openxmlformats.org/officeDocument/2006/customXml" ds:itemID="{FA78D847-3991-4998-BE78-6D83AF8D02AA}">
  <ds:schemaRefs>
    <ds:schemaRef ds:uri="http://schemas.microsoft.com/sharepoint/v3/contenttype/forms"/>
  </ds:schemaRefs>
</ds:datastoreItem>
</file>

<file path=customXml/itemProps6.xml><?xml version="1.0" encoding="utf-8"?>
<ds:datastoreItem xmlns:ds="http://schemas.openxmlformats.org/officeDocument/2006/customXml" ds:itemID="{B6988B8A-E081-4DEB-AB03-AA49042655AB}">
  <ds:schemaRefs>
    <ds:schemaRef ds:uri="http://purl.org/dc/dcmitype/"/>
    <ds:schemaRef ds:uri="http://purl.org/dc/elements/1.1/"/>
    <ds:schemaRef ds:uri="http://www.w3.org/XML/1998/namespace"/>
    <ds:schemaRef ds:uri="bdb01c88-af54-46ef-8b38-c11759485684"/>
    <ds:schemaRef ds:uri="http://schemas.openxmlformats.org/package/2006/metadata/core-properties"/>
    <ds:schemaRef ds:uri="http://purl.org/dc/terms/"/>
    <ds:schemaRef ds:uri="43bcb968-bace-442f-a65f-908538f58f8c"/>
    <ds:schemaRef ds:uri="http://schemas.microsoft.com/office/2006/documentManagement/types"/>
    <ds:schemaRef ds:uri="http://schemas.microsoft.com/office/2006/metadata/properties"/>
    <ds:schemaRef ds:uri="http://schemas.microsoft.com/office/infopath/2007/PartnerControls"/>
  </ds:schemaRefs>
</ds:datastoreItem>
</file>

<file path=customXml/itemProps7.xml><?xml version="1.0" encoding="utf-8"?>
<ds:datastoreItem xmlns:ds="http://schemas.openxmlformats.org/officeDocument/2006/customXml" ds:itemID="{B351DCC6-C148-4C81-8758-90C2C2CDC51C}">
  <ds:schemaRefs/>
</ds:datastoreItem>
</file>

<file path=customXml/itemProps8.xml><?xml version="1.0" encoding="utf-8"?>
<ds:datastoreItem xmlns:ds="http://schemas.openxmlformats.org/officeDocument/2006/customXml" ds:itemID="{C87C8382-8249-4949-BF28-7DB601052577}">
  <ds:schemaRefs/>
</ds:datastoreItem>
</file>

<file path=customXml/itemProps9.xml><?xml version="1.0" encoding="utf-8"?>
<ds:datastoreItem xmlns:ds="http://schemas.openxmlformats.org/officeDocument/2006/customXml" ds:itemID="{6F614495-0D3A-4495-8E74-CB6C55A2CBFF}">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Template/>
  <TotalTime>811</TotalTime>
  <Words>1354</Words>
  <Application>Microsoft Office PowerPoint</Application>
  <PresentationFormat>Widescreen</PresentationFormat>
  <Paragraphs>175</Paragraphs>
  <Slides>26</Slides>
  <Notes>10</Notes>
  <HiddenSlides>0</HiddenSlides>
  <MMClips>0</MMClips>
  <ScaleCrop>false</ScaleCrop>
  <HeadingPairs>
    <vt:vector size="6" baseType="variant">
      <vt:variant>
        <vt:lpstr>Fonts Used</vt:lpstr>
      </vt:variant>
      <vt:variant>
        <vt:i4>7</vt:i4>
      </vt:variant>
      <vt:variant>
        <vt:lpstr>Theme</vt:lpstr>
      </vt:variant>
      <vt:variant>
        <vt:i4>2</vt:i4>
      </vt:variant>
      <vt:variant>
        <vt:lpstr>Slide Titles</vt:lpstr>
      </vt:variant>
      <vt:variant>
        <vt:i4>26</vt:i4>
      </vt:variant>
    </vt:vector>
  </HeadingPairs>
  <TitlesOfParts>
    <vt:vector size="35" baseType="lpstr">
      <vt:lpstr>Arial</vt:lpstr>
      <vt:lpstr>Georgia</vt:lpstr>
      <vt:lpstr>Open Sans</vt:lpstr>
      <vt:lpstr>Roboto</vt:lpstr>
      <vt:lpstr>Roboto Light</vt:lpstr>
      <vt:lpstr>Times New Roman</vt:lpstr>
      <vt:lpstr>TimesNewRomanPSMT</vt:lpstr>
      <vt:lpstr>Arup</vt:lpstr>
      <vt:lpstr>Blank</vt:lpstr>
      <vt:lpstr>Making good choices</vt:lpstr>
      <vt:lpstr>PowerPoint Presentation</vt:lpstr>
      <vt:lpstr>The Resilience Journey for road, rail and energy networks</vt:lpstr>
      <vt:lpstr>PowerPoint Presentation</vt:lpstr>
      <vt:lpstr>Taking a whole-system response</vt:lpstr>
      <vt:lpstr>1. The big picture – what choices are we making, and why? </vt:lpstr>
      <vt:lpstr>Theory of change</vt:lpstr>
      <vt:lpstr>PowerPoint Presentation</vt:lpstr>
      <vt:lpstr>An organisation’s resilience journey</vt:lpstr>
      <vt:lpstr>2. The long and lasting impact of infrastructure choices  </vt:lpstr>
      <vt:lpstr>Safe, resilient and sustainable</vt:lpstr>
      <vt:lpstr>Urban Heat Island (UHI) effect</vt:lpstr>
      <vt:lpstr>PowerPoint Presentation</vt:lpstr>
      <vt:lpstr>3. Framing the choices that we make   </vt:lpstr>
      <vt:lpstr>Zoom out before zooming in</vt:lpstr>
      <vt:lpstr>The need for resilience </vt:lpstr>
      <vt:lpstr>Climate Change Analysis</vt:lpstr>
      <vt:lpstr>Climate risk analysis</vt:lpstr>
      <vt:lpstr>PowerPoint Presentation</vt:lpstr>
      <vt:lpstr>Investing in resilience is no longer optional, it’s essential</vt:lpstr>
      <vt:lpstr>4. What’s stopping us? </vt:lpstr>
      <vt:lpstr>Selection of adaptation measures using CBA</vt:lpstr>
      <vt:lpstr>A tiered approach to assessment</vt:lpstr>
      <vt:lpstr>5. The outcomes we want to see    </vt:lpstr>
      <vt:lpstr>Safe and connected communities </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lastModifiedBy>Juliet Mian</cp:lastModifiedBy>
  <cp:revision>16</cp:revision>
  <dcterms:created xsi:type="dcterms:W3CDTF">2025-07-28T09:49:49Z</dcterms:created>
  <dcterms:modified xsi:type="dcterms:W3CDTF">2025-09-07T21:09:2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5-07-21T15:33:26</vt:lpwstr>
  </property>
  <property fmtid="{D5CDD505-2E9C-101B-9397-08002B2CF9AE}" pid="10" name="TemplafyTenantId">
    <vt:lpwstr>arup</vt:lpwstr>
  </property>
  <property fmtid="{D5CDD505-2E9C-101B-9397-08002B2CF9AE}" pid="11" name="TemplafyTemplateId">
    <vt:lpwstr>1233968208172286873</vt:lpwstr>
  </property>
  <property fmtid="{D5CDD505-2E9C-101B-9397-08002B2CF9AE}" pid="12" name="TemplafyUserProfileId">
    <vt:lpwstr>637774931125172571</vt:lpwstr>
  </property>
  <property fmtid="{D5CDD505-2E9C-101B-9397-08002B2CF9AE}" pid="13" name="TemplafyLanguageCode">
    <vt:lpwstr>en-GB</vt:lpwstr>
  </property>
  <property fmtid="{D5CDD505-2E9C-101B-9397-08002B2CF9AE}" pid="14" name="PPStyles">
    <vt:lpwstr/>
  </property>
  <property fmtid="{D5CDD505-2E9C-101B-9397-08002B2CF9AE}" pid="15" name="TemplafyFromBlank">
    <vt:bool>true</vt:bool>
  </property>
  <property fmtid="{D5CDD505-2E9C-101B-9397-08002B2CF9AE}" pid="16" name="ContentTypeId">
    <vt:lpwstr>0x010100E075EE2FFFAF2947BEFB6D2A9E2A1DB5</vt:lpwstr>
  </property>
</Properties>
</file>